
<file path=[Content_Types].xml><?xml version="1.0" encoding="utf-8"?>
<Types xmlns="http://schemas.openxmlformats.org/package/2006/content-types">
  <Default Extension="bin" ContentType="application/vnd.openxmlformats-officedocument.spreadsheetml.printerSettings"/>
  <Default Extension="png" ContentType="image/png"/>
  <Override PartName="/xl/theme/theme1.xml" ContentType="application/vnd.openxmlformats-officedocument.theme+xml"/>
  <Override PartName="/xl/styles.xml" ContentType="application/vnd.openxmlformats-officedocument.spreadsheetml.styles+xml"/>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drawings/drawing2.xml" ContentType="application/vnd.openxmlformats-officedocument.drawing+xml"/>
  <Override PartName="/xl/drawings/drawing3.xml" ContentType="application/vnd.openxmlformats-officedocument.drawing+xml"/>
  <Override PartName="/docProps/app.xml" ContentType="application/vnd.openxmlformats-officedocument.extended-properties+xml"/>
  <Override PartName="/xl/worksheets/sheet2.xml" ContentType="application/vnd.openxmlformats-officedocument.spreadsheetml.worksheet+xml"/>
  <Override PartName="/xl/worksheets/sheet3.xml" ContentType="application/vnd.openxmlformats-officedocument.spreadsheetml.worksheet+xml"/>
  <Override PartName="/xl/drawings/drawing1.xml" ContentType="application/vnd.openxmlformats-officedocument.drawing+xml"/>
  <Override PartName="/xl/worksheets/sheet1.xml" ContentType="application/vnd.openxmlformats-officedocument.spreadsheetml.worksheet+xml"/>
  <Override PartName="/xl/externalLinks/externalLink1.xml" ContentType="application/vnd.openxmlformats-officedocument.spreadsheetml.externalLink+xml"/>
  <Override PartName="/xl/calcChain.xml" ContentType="application/vnd.openxmlformats-officedocument.spreadsheetml.calcChain+xml"/>
  <Override PartName="/xl/sharedStrings.xml" ContentType="application/vnd.openxmlformats-officedocument.spreadsheetml.sharedStr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4" lowestEdited="6" rupBuild="4507"/>
  <workbookPr/>
  <bookViews>
    <workbookView xWindow="0" yWindow="0" windowWidth="19200" windowHeight="6510"/>
  </bookViews>
  <sheets>
    <sheet name="SY 18-19 CALCULATOR RG BRAND" sheetId="3" r:id="rId1"/>
    <sheet name="GENERAL INFORMATION NOI" sheetId="2" r:id="rId2"/>
    <sheet name="GENERAL INFORMATION NOT NOI" sheetId="1" r:id="rId3"/>
  </sheets>
  <externalReferences>
    <externalReference r:id="rId4"/>
  </externalReferences>
  <definedNames>
    <definedName name="_xlnm.Print_Area" localSheetId="1">'GENERAL INFORMATION NOI'!$A$1:$S$38</definedName>
    <definedName name="_xlnm.Print_Area" localSheetId="2">'GENERAL INFORMATION NOT NOI'!$A$1:$S$38</definedName>
    <definedName name="_xlnm.Print_Area" localSheetId="0">'SY 18-19 CALCULATOR RG BRAND'!$A$1:$R$63</definedName>
    <definedName name="_xlnm.Print_Titles" localSheetId="0">'SY 18-19 CALCULATOR RG BRAND'!$1:$7</definedName>
    <definedName name="PTV">'[1]SY 18-19 CALCULATOR RG BRAND'!$W$2</definedName>
    <definedName name="School_Year">'[1]SY 18-19 CALCULATOR RG BRAND'!$W$3</definedName>
    <definedName name="SEPDSRD">'[1]SY 18-19 CALCULATOR RG BRAND'!$W$5</definedName>
    <definedName name="TLW">'[1]SY 18-19 CALCULATOR RG BRAND'!$W$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59" i="3"/>
  <c r="P58"/>
  <c r="N58"/>
  <c r="Q56"/>
  <c r="O56"/>
  <c r="M56"/>
  <c r="T56" s="1"/>
  <c r="L56"/>
  <c r="Q55"/>
  <c r="O55"/>
  <c r="M55"/>
  <c r="T55" s="1"/>
  <c r="L55"/>
  <c r="S53"/>
  <c r="Q53"/>
  <c r="O53"/>
  <c r="M53"/>
  <c r="L53"/>
  <c r="Q52"/>
  <c r="O52"/>
  <c r="M52"/>
  <c r="S52" s="1"/>
  <c r="L52"/>
  <c r="Q51"/>
  <c r="O51"/>
  <c r="M51"/>
  <c r="T51" s="1"/>
  <c r="L51"/>
  <c r="Q50"/>
  <c r="O50"/>
  <c r="M50"/>
  <c r="T50" s="1"/>
  <c r="L50"/>
  <c r="Q49"/>
  <c r="O49"/>
  <c r="M49"/>
  <c r="T49" s="1"/>
  <c r="L49"/>
  <c r="Q48"/>
  <c r="O48"/>
  <c r="M48"/>
  <c r="T48" s="1"/>
  <c r="L48"/>
  <c r="Q47"/>
  <c r="O47"/>
  <c r="M47"/>
  <c r="T47" s="1"/>
  <c r="L47"/>
  <c r="Q46"/>
  <c r="O46"/>
  <c r="M46"/>
  <c r="T46" s="1"/>
  <c r="L46"/>
  <c r="Q45"/>
  <c r="O45"/>
  <c r="M45"/>
  <c r="T45" s="1"/>
  <c r="L45"/>
  <c r="Q44"/>
  <c r="O44"/>
  <c r="M44"/>
  <c r="T44" s="1"/>
  <c r="L44"/>
  <c r="Q43"/>
  <c r="O43"/>
  <c r="M43"/>
  <c r="T43" s="1"/>
  <c r="L43"/>
  <c r="Q42"/>
  <c r="O42"/>
  <c r="M42"/>
  <c r="T42" s="1"/>
  <c r="L42"/>
  <c r="Q41"/>
  <c r="O41"/>
  <c r="M41"/>
  <c r="T41" s="1"/>
  <c r="L41"/>
  <c r="Q40"/>
  <c r="O40"/>
  <c r="M40"/>
  <c r="T40" s="1"/>
  <c r="L40"/>
  <c r="Q39"/>
  <c r="O39"/>
  <c r="M39"/>
  <c r="T39" s="1"/>
  <c r="L39"/>
  <c r="Q38"/>
  <c r="O38"/>
  <c r="M38"/>
  <c r="T38" s="1"/>
  <c r="L38"/>
  <c r="Q36"/>
  <c r="O36"/>
  <c r="M36"/>
  <c r="L36"/>
  <c r="Q35"/>
  <c r="O35"/>
  <c r="M35"/>
  <c r="S35" s="1"/>
  <c r="L35"/>
  <c r="S34"/>
  <c r="Q34"/>
  <c r="O34"/>
  <c r="M34"/>
  <c r="T34" s="1"/>
  <c r="L34"/>
  <c r="Q33"/>
  <c r="O33"/>
  <c r="M33"/>
  <c r="S33" s="1"/>
  <c r="L33"/>
  <c r="S32"/>
  <c r="Q32"/>
  <c r="O32"/>
  <c r="M32"/>
  <c r="T32" s="1"/>
  <c r="L32"/>
  <c r="Q31"/>
  <c r="O31"/>
  <c r="M31"/>
  <c r="S31" s="1"/>
  <c r="L31"/>
  <c r="Q30"/>
  <c r="O30"/>
  <c r="M30"/>
  <c r="S30" s="1"/>
  <c r="L30"/>
  <c r="S29"/>
  <c r="Q29"/>
  <c r="O29"/>
  <c r="M29"/>
  <c r="T29" s="1"/>
  <c r="L29"/>
  <c r="Q28"/>
  <c r="O28"/>
  <c r="M28"/>
  <c r="T28" s="1"/>
  <c r="L28"/>
  <c r="S27"/>
  <c r="Q27"/>
  <c r="O27"/>
  <c r="M27"/>
  <c r="L27"/>
  <c r="Q26"/>
  <c r="O26"/>
  <c r="M26"/>
  <c r="S26" s="1"/>
  <c r="L26"/>
  <c r="S25"/>
  <c r="Q25"/>
  <c r="O25"/>
  <c r="M25"/>
  <c r="T25" s="1"/>
  <c r="L25"/>
  <c r="V24"/>
  <c r="Q24"/>
  <c r="O24"/>
  <c r="M24"/>
  <c r="T24" s="1"/>
  <c r="L24"/>
  <c r="S23"/>
  <c r="Q23"/>
  <c r="O23"/>
  <c r="M23"/>
  <c r="T23" s="1"/>
  <c r="L23"/>
  <c r="Q22"/>
  <c r="O22"/>
  <c r="M22"/>
  <c r="T22" s="1"/>
  <c r="L22"/>
  <c r="S20"/>
  <c r="Q20"/>
  <c r="O20"/>
  <c r="M20"/>
  <c r="T20" s="1"/>
  <c r="L20"/>
  <c r="Q19"/>
  <c r="O19"/>
  <c r="M19"/>
  <c r="L19"/>
  <c r="Q18"/>
  <c r="O18"/>
  <c r="M18"/>
  <c r="T18" s="1"/>
  <c r="L18"/>
  <c r="V17"/>
  <c r="C62" s="1"/>
  <c r="Q17"/>
  <c r="O17"/>
  <c r="M17"/>
  <c r="S17" s="1"/>
  <c r="L17"/>
  <c r="S16"/>
  <c r="Q16"/>
  <c r="O16"/>
  <c r="M16"/>
  <c r="T16" s="1"/>
  <c r="L16"/>
  <c r="Q15"/>
  <c r="O15"/>
  <c r="M15"/>
  <c r="S15" s="1"/>
  <c r="L15"/>
  <c r="S14"/>
  <c r="Q14"/>
  <c r="O14"/>
  <c r="M14"/>
  <c r="T14" s="1"/>
  <c r="L14"/>
  <c r="Q13"/>
  <c r="O13"/>
  <c r="M13"/>
  <c r="S13" s="1"/>
  <c r="L13"/>
  <c r="Q12"/>
  <c r="O12"/>
  <c r="M12"/>
  <c r="L12"/>
  <c r="S11"/>
  <c r="Q11"/>
  <c r="O11"/>
  <c r="M11"/>
  <c r="T11" s="1"/>
  <c r="L11"/>
  <c r="Q10"/>
  <c r="O10"/>
  <c r="M10"/>
  <c r="S10" s="1"/>
  <c r="L10"/>
  <c r="S9"/>
  <c r="Q9"/>
  <c r="O9"/>
  <c r="M9"/>
  <c r="T9" s="1"/>
  <c r="L9"/>
  <c r="Q8"/>
  <c r="Q58" s="1"/>
  <c r="O8"/>
  <c r="O58" s="1"/>
  <c r="M8"/>
  <c r="S8" s="1"/>
  <c r="L8"/>
  <c r="M7"/>
  <c r="G2"/>
  <c r="F2" i="2"/>
  <c r="B7"/>
  <c r="T8" i="3" l="1"/>
  <c r="T10"/>
  <c r="T13"/>
  <c r="T15"/>
  <c r="T17"/>
  <c r="S38"/>
  <c r="S40"/>
  <c r="S42"/>
  <c r="S44"/>
  <c r="S46"/>
  <c r="S48"/>
  <c r="S50"/>
  <c r="S56"/>
  <c r="T26"/>
  <c r="T31"/>
  <c r="T33"/>
  <c r="S18"/>
  <c r="S22"/>
  <c r="S58" s="1"/>
  <c r="N59" s="1"/>
  <c r="S24"/>
  <c r="S28"/>
  <c r="S39"/>
  <c r="S41"/>
  <c r="S43"/>
  <c r="S45"/>
  <c r="S47"/>
  <c r="S49"/>
  <c r="S51"/>
  <c r="S55"/>
  <c r="B7" i="1"/>
  <c r="F2"/>
  <c r="T58" i="3" l="1"/>
  <c r="P59" s="1"/>
  <c r="B8" i="2" l="1"/>
  <c r="B8" i="1"/>
</calcChain>
</file>

<file path=xl/sharedStrings.xml><?xml version="1.0" encoding="utf-8"?>
<sst xmlns="http://schemas.openxmlformats.org/spreadsheetml/2006/main" count="429" uniqueCount="288">
  <si>
    <t>Commodity Processing Calculator</t>
  </si>
  <si>
    <t>Tomato Paste Totes USDA WBSCM Item Code 100332</t>
  </si>
  <si>
    <t>GENERAL INFORMATION FOR THE RED GOLD COMMODITY PROCESSING PROGRAM</t>
  </si>
  <si>
    <r>
      <t>NOTE 2:</t>
    </r>
    <r>
      <rPr>
        <sz val="14"/>
        <rFont val="Arial"/>
        <family val="2"/>
      </rPr>
      <t xml:space="preserve"> The distributor you select to hold and manage your NOI Tomato Bank must be certified by Red Gold and approved to participate in the program (see </t>
    </r>
    <r>
      <rPr>
        <u/>
        <sz val="14"/>
        <color indexed="12"/>
        <rFont val="Arial"/>
        <family val="2"/>
      </rPr>
      <t xml:space="preserve">www.k12foodservice.com </t>
    </r>
    <r>
      <rPr>
        <sz val="14"/>
        <rFont val="Arial"/>
        <family val="2"/>
      </rPr>
      <t>for approved distributors).  You must have a distributor selected no later than June 1, 2018 in order to have your banks loaded by July 1, 2018</t>
    </r>
    <r>
      <rPr>
        <sz val="14"/>
        <color indexed="10"/>
        <rFont val="Arial"/>
        <family val="2"/>
      </rPr>
      <t>.</t>
    </r>
    <r>
      <rPr>
        <sz val="14"/>
        <rFont val="Arial"/>
        <family val="2"/>
      </rPr>
      <t xml:space="preserve">  You must also agree to view your account balance by logging on the </t>
    </r>
    <r>
      <rPr>
        <u/>
        <sz val="14"/>
        <color rgb="FF0000FF"/>
        <rFont val="Arial"/>
        <family val="2"/>
      </rPr>
      <t>www.k12foodservice.com</t>
    </r>
    <r>
      <rPr>
        <sz val="14"/>
        <rFont val="Arial"/>
        <family val="2"/>
      </rPr>
      <t xml:space="preserve"> website in order to complete your sales verification requirement.</t>
    </r>
  </si>
  <si>
    <r>
      <t>NOTE 3:</t>
    </r>
    <r>
      <rPr>
        <sz val="14"/>
        <rFont val="Arial"/>
        <family val="2"/>
      </rPr>
      <t xml:space="preserve"> Some states and/or cooperatives (i.e. California and Arizona) may choose to obtain their purchase commitment on 100332 via an alternative unit quantity (i.e. 40 lbs, 400 lbs, etc).  Confirm the quantity amount being requested by your respective agency and order accordingly.   </t>
    </r>
  </si>
  <si>
    <t xml:space="preserve">How to reach us . . . . . </t>
  </si>
  <si>
    <t>(Open)</t>
  </si>
  <si>
    <t xml:space="preserve">Sales Contacts:  </t>
  </si>
  <si>
    <t>K12 Western Regional Sales Manager - Education</t>
  </si>
  <si>
    <r>
      <t>RED GOLD, LLC</t>
    </r>
    <r>
      <rPr>
        <sz val="14"/>
        <rFont val="Arial"/>
        <family val="2"/>
      </rPr>
      <t>.</t>
    </r>
  </si>
  <si>
    <t>P.O. Box 83</t>
  </si>
  <si>
    <t>Elwood, IN  46036</t>
  </si>
  <si>
    <t>Jodi Batten, SNS</t>
  </si>
  <si>
    <t>Matthew Williams</t>
  </si>
  <si>
    <t>Toll Free (877)748-9798   Extension 1630</t>
  </si>
  <si>
    <t>National Sales &amp; Marketing Director, Education</t>
  </si>
  <si>
    <t>K12 Midwest Territory Sales Manager - Education</t>
  </si>
  <si>
    <t>www.redgold.com/red-gold-company/foodservice/k-12-school-program</t>
  </si>
  <si>
    <t>(512) 261-5060</t>
  </si>
  <si>
    <t>(513) 582-7047</t>
  </si>
  <si>
    <t>www.k12tomatoes.com</t>
  </si>
  <si>
    <t>jbatten@redgold.com</t>
  </si>
  <si>
    <t>mwilliams@redgold.com</t>
  </si>
  <si>
    <t>Josh Chaffin</t>
  </si>
  <si>
    <t>Jill Ponder</t>
  </si>
  <si>
    <t>Todd Holmes, SNS</t>
  </si>
  <si>
    <t xml:space="preserve">Sr. Bid Administrator </t>
  </si>
  <si>
    <t>K12 Central Regional Sales Manager - Education</t>
  </si>
  <si>
    <t>K12 Eastern Regional Sales Manager - Education</t>
  </si>
  <si>
    <t>(877) 748-9798 Extension 1611</t>
  </si>
  <si>
    <t>(612) 720-3823</t>
  </si>
  <si>
    <t>(610) 440-0508</t>
  </si>
  <si>
    <t>jchaffin@redgold.com</t>
  </si>
  <si>
    <t>jponder@redgold.com</t>
  </si>
  <si>
    <t>tholmes@redgold.com</t>
  </si>
  <si>
    <t xml:space="preserve"> Broker Contact Information . . . .  </t>
  </si>
  <si>
    <t xml:space="preserve"> </t>
  </si>
  <si>
    <t xml:space="preserve">   Address:  </t>
  </si>
  <si>
    <t>Phone:</t>
  </si>
  <si>
    <t xml:space="preserve"> Name:</t>
  </si>
  <si>
    <t>City/State/Zip</t>
  </si>
  <si>
    <t>Other:</t>
  </si>
  <si>
    <t>Company:</t>
  </si>
  <si>
    <t>Email:</t>
  </si>
  <si>
    <t>Fax:</t>
  </si>
  <si>
    <t xml:space="preserve">    Redpack and Red Gold are the registered trademarks of Red Gold, LLC., Elwood, IN</t>
  </si>
  <si>
    <t xml:space="preserve">GENERAL INFORMATION FOR NET OFF INVOICE (NOI) COMMODITY PROCESSING </t>
  </si>
  <si>
    <t>Issue Date: 12/01/17</t>
  </si>
  <si>
    <t>Pass Thru Value</t>
  </si>
  <si>
    <t>SY</t>
  </si>
  <si>
    <t>2018/2019</t>
  </si>
  <si>
    <t>MAY USE EITHER METHOD 1 OR METHOD 2</t>
  </si>
  <si>
    <t>TLW</t>
  </si>
  <si>
    <t>METHOD 1</t>
  </si>
  <si>
    <t>METHOD 2</t>
  </si>
  <si>
    <t>SEPDS Release Date</t>
  </si>
  <si>
    <t>12/01/2017</t>
  </si>
  <si>
    <t xml:space="preserve">CASE SIZE  </t>
  </si>
  <si>
    <t>UNIT NET WEIGHT</t>
  </si>
  <si>
    <t xml:space="preserve"> CASE
NET
WEIGHT</t>
  </si>
  <si>
    <t>SERVINGS
PER
CASE</t>
  </si>
  <si>
    <t>SERVING
NET
WEIGHT</t>
  </si>
  <si>
    <r>
      <t xml:space="preserve">        PRODUCT DESCRIPTION   </t>
    </r>
    <r>
      <rPr>
        <sz val="12"/>
        <color rgb="FFFF0000"/>
        <rFont val="Arial"/>
        <family val="2"/>
      </rPr>
      <t>(New Product for SY1819 in Red)</t>
    </r>
  </si>
  <si>
    <t>UPC CODE</t>
  </si>
  <si>
    <t>RED GOLD
ITEM NUMBER</t>
  </si>
  <si>
    <t>AMOUNT
DONATED
FOOD PER
CASE</t>
  </si>
  <si>
    <t>EST. FINISHED
CASES PER TRUCK
OF PASTE</t>
  </si>
  <si>
    <r>
      <t xml:space="preserve">PASS THRU VALUE </t>
    </r>
    <r>
      <rPr>
        <b/>
        <sz val="12"/>
        <rFont val="Arial"/>
        <family val="2"/>
      </rPr>
      <t>PER CASE</t>
    </r>
  </si>
  <si>
    <t>EST.  ANNUAL CASES NEEDED</t>
  </si>
  <si>
    <t>EST. TOTAL PASTE POUNDS NEEDED</t>
  </si>
  <si>
    <t>EST. SERVINGS NEEDED PER YEAR</t>
  </si>
  <si>
    <t>NOTE 1:  USDA WBSCM Item Code 100332 / Tomato Paste For Bulk Processing.</t>
  </si>
  <si>
    <t>The Pass Thru Value (PTV) or NOI (Net Off Invoice) discount amount has been determined based on the quantity of tomato paste in the products being offered under this program. 100332 values quoted for the SY</t>
  </si>
  <si>
    <t xml:space="preserve">6 / #10 Cans </t>
  </si>
  <si>
    <t>115 oz</t>
  </si>
  <si>
    <t>43.13 lbs</t>
  </si>
  <si>
    <t>0.60 oz</t>
  </si>
  <si>
    <r>
      <t>Red Gold</t>
    </r>
    <r>
      <rPr>
        <sz val="12"/>
        <rFont val="Arial"/>
        <family val="2"/>
      </rPr>
      <t xml:space="preserve"> 33% Fancy Ketchup 6 / # 10 Cans </t>
    </r>
  </si>
  <si>
    <t>72940-11002</t>
  </si>
  <si>
    <t>REDY599</t>
  </si>
  <si>
    <t>114 oz</t>
  </si>
  <si>
    <t>42.75 lbs</t>
  </si>
  <si>
    <r>
      <t>Red Gold</t>
    </r>
    <r>
      <rPr>
        <sz val="12"/>
        <rFont val="Arial"/>
        <family val="2"/>
      </rPr>
      <t xml:space="preserve"> 100% Naturally Balanced Ketchup (Made w/Sugar - Enhanced Low Sodium)  6/#10 Cans </t>
    </r>
  </si>
  <si>
    <t>72940-11583</t>
  </si>
  <si>
    <t>REDYL99</t>
  </si>
  <si>
    <t xml:space="preserve"> were provided by FNS via the </t>
  </si>
  <si>
    <t>6 / #10 Pouches (6 / 7 lb. 2 oz)</t>
  </si>
  <si>
    <r>
      <t>Red Gold</t>
    </r>
    <r>
      <rPr>
        <sz val="12"/>
        <rFont val="Arial"/>
        <family val="2"/>
      </rPr>
      <t xml:space="preserve"> 33% Fancy Ketchup 6 / 114 oz Pouches (6 / 7 lb. 2 oz) </t>
    </r>
  </si>
  <si>
    <t>72940-11561</t>
  </si>
  <si>
    <t>REDY572</t>
  </si>
  <si>
    <t xml:space="preserve"> NMPA notification @ </t>
  </si>
  <si>
    <t>6/ #10 Jugs (6 /114 oz)</t>
  </si>
  <si>
    <r>
      <t xml:space="preserve">Red Gold </t>
    </r>
    <r>
      <rPr>
        <sz val="12"/>
        <rFont val="Arial"/>
        <family val="2"/>
      </rPr>
      <t xml:space="preserve">33% Fancy Ketchup 6/ 114 oz Jugs with Pump </t>
    </r>
  </si>
  <si>
    <t>72940-11574</t>
  </si>
  <si>
    <t>REDY59P</t>
  </si>
  <si>
    <t xml:space="preserve"> per pound or </t>
  </si>
  <si>
    <r>
      <rPr>
        <b/>
        <sz val="11"/>
        <color rgb="FFFF0000"/>
        <rFont val="Arial"/>
        <family val="2"/>
      </rPr>
      <t xml:space="preserve">Red Gold </t>
    </r>
    <r>
      <rPr>
        <sz val="11"/>
        <color rgb="FFFF0000"/>
        <rFont val="Arial"/>
        <family val="2"/>
      </rPr>
      <t>100% Naturally Balanced Ketchup (Made w/Sugar- Enhanced Low Sodium) 6/114 oz Jugs with Pump</t>
    </r>
    <r>
      <rPr>
        <sz val="11"/>
        <rFont val="Arial"/>
        <family val="2"/>
      </rPr>
      <t xml:space="preserve"> </t>
    </r>
  </si>
  <si>
    <t>72940-74737</t>
  </si>
  <si>
    <t>REDYL9P</t>
  </si>
  <si>
    <t>9 / 64 oz Plastic</t>
  </si>
  <si>
    <t>64 oz</t>
  </si>
  <si>
    <t>36.00 lbs</t>
  </si>
  <si>
    <r>
      <t xml:space="preserve">Red Gold </t>
    </r>
    <r>
      <rPr>
        <sz val="12"/>
        <rFont val="Arial"/>
        <family val="2"/>
      </rPr>
      <t xml:space="preserve">33% Fancy Ketchup 9 / 64 oz Plastic Squeeze Bottle </t>
    </r>
  </si>
  <si>
    <t>72940-11564</t>
  </si>
  <si>
    <t xml:space="preserve">REDYA64 </t>
  </si>
  <si>
    <t>1 / 3 gal. Bag In Box</t>
  </si>
  <si>
    <t>28.5 lbs</t>
  </si>
  <si>
    <t>28.50 lbs</t>
  </si>
  <si>
    <r>
      <t>Red Gold</t>
    </r>
    <r>
      <rPr>
        <sz val="12"/>
        <rFont val="Arial"/>
        <family val="2"/>
      </rPr>
      <t xml:space="preserve"> 33% Fancy Ketchup 1 / 3 gal. Bag-In-Box for Wall Rack</t>
    </r>
  </si>
  <si>
    <t>72940-11560</t>
  </si>
  <si>
    <t>REDYA3GTH</t>
  </si>
  <si>
    <t xml:space="preserve"> per truckload of paste. The corresponding Pass Through Value Discount per case for each product is indicated above.</t>
  </si>
  <si>
    <r>
      <t>Red Gold</t>
    </r>
    <r>
      <rPr>
        <sz val="12"/>
        <rFont val="Arial"/>
        <family val="2"/>
      </rPr>
      <t xml:space="preserve"> 100% Natural Ketchup made w/Sugar Low Sodium 1/3 gal. Bag-In-Box for Wall Rack</t>
    </r>
  </si>
  <si>
    <t>72940-11577</t>
  </si>
  <si>
    <t>REDYL3G</t>
  </si>
  <si>
    <t>14.5 lbs</t>
  </si>
  <si>
    <t>43.50 lbs</t>
  </si>
  <si>
    <r>
      <t>Red Gold</t>
    </r>
    <r>
      <rPr>
        <sz val="12"/>
        <rFont val="Arial"/>
        <family val="2"/>
      </rPr>
      <t xml:space="preserve"> 33% Fancy Ketchup 3 / 1.5 gal. Pouch Pack </t>
    </r>
  </si>
  <si>
    <t>72940-11562</t>
  </si>
  <si>
    <t>REDY53H</t>
  </si>
  <si>
    <t>2 / 1.5 gal.  Pouches</t>
  </si>
  <si>
    <t>29.00 lbs</t>
  </si>
  <si>
    <r>
      <t>Red Gold</t>
    </r>
    <r>
      <rPr>
        <sz val="12"/>
        <rFont val="Arial"/>
        <family val="2"/>
      </rPr>
      <t xml:space="preserve"> 33% Fancy Ketchup 2 / 1.5 gal. Dispenser Pouch Pack** </t>
    </r>
  </si>
  <si>
    <t>72940-11563</t>
  </si>
  <si>
    <t>REDY57D</t>
  </si>
  <si>
    <r>
      <t>Red Gold</t>
    </r>
    <r>
      <rPr>
        <sz val="11"/>
        <rFont val="Arial"/>
        <family val="2"/>
      </rPr>
      <t xml:space="preserve"> Naturally Balanced Ketchup (Made w/Sugar - Enhanced Low Sodium)- 2/1.5 gal. Dispenser Pouch Pack** </t>
    </r>
  </si>
  <si>
    <t>72940-11550</t>
  </si>
  <si>
    <t>REDYL7D</t>
  </si>
  <si>
    <t>1.26 oz</t>
  </si>
  <si>
    <r>
      <t xml:space="preserve">Red Gold </t>
    </r>
    <r>
      <rPr>
        <sz val="11"/>
        <color rgb="FFFF0000"/>
        <rFont val="Arial"/>
        <family val="2"/>
      </rPr>
      <t>BBQ Sauce Naturally Balanced (Made with Sugar/ Enhanced Low Sodium) - 6/114 oz. (#10) Jugs with Pump</t>
    </r>
  </si>
  <si>
    <t>72940-74739</t>
  </si>
  <si>
    <t>REDOA9P</t>
  </si>
  <si>
    <t>29.20 lbs</t>
  </si>
  <si>
    <r>
      <t xml:space="preserve">Red Gold </t>
    </r>
    <r>
      <rPr>
        <sz val="11"/>
        <rFont val="Arial"/>
        <family val="2"/>
      </rPr>
      <t>BBQ Sauce Naturally Balanced (Made with Sugar/ Enhanced Low Sodium) 2/1.5 gal. Dispenser Pouch Pack**</t>
    </r>
  </si>
  <si>
    <t>72940-11119</t>
  </si>
  <si>
    <t>REDOA7D</t>
  </si>
  <si>
    <t>1,000 / 9 gm Portion Control</t>
  </si>
  <si>
    <t>9 grams</t>
  </si>
  <si>
    <t>19.84 lbs</t>
  </si>
  <si>
    <t>0.32 oz</t>
  </si>
  <si>
    <r>
      <t>Red Gold</t>
    </r>
    <r>
      <rPr>
        <sz val="12"/>
        <rFont val="Arial"/>
        <family val="2"/>
      </rPr>
      <t xml:space="preserve"> Fancy Ketchup 1,000 / 9 gm Portion Control Foil Packets </t>
    </r>
  </si>
  <si>
    <t>72940-11581</t>
  </si>
  <si>
    <t>REDY59G</t>
  </si>
  <si>
    <r>
      <rPr>
        <b/>
        <sz val="11"/>
        <rFont val="Arial"/>
        <family val="2"/>
      </rPr>
      <t>Red Gold</t>
    </r>
    <r>
      <rPr>
        <sz val="11"/>
        <rFont val="Arial"/>
        <family val="2"/>
      </rPr>
      <t xml:space="preserve"> 100% Naturally Balanced Ketchup (Made w/Sugar - Enhanced Low Sodium)- 1,000 / 9 gm Foil Packets </t>
    </r>
  </si>
  <si>
    <t>72940-11584</t>
  </si>
  <si>
    <t>REDYL9G</t>
  </si>
  <si>
    <t>1 oz</t>
  </si>
  <si>
    <t>15.63 lbs</t>
  </si>
  <si>
    <t>1.00 oz</t>
  </si>
  <si>
    <r>
      <t xml:space="preserve">Red Gold </t>
    </r>
    <r>
      <rPr>
        <sz val="11"/>
        <rFont val="Arial"/>
        <family val="2"/>
      </rPr>
      <t xml:space="preserve"> 100% Naturally Balanced Ketchup (Made w/Sugar - Enhanced Low Sodium)- 250 / 1 oz. Plastic Dunk Cups</t>
    </r>
  </si>
  <si>
    <t>72940-11579</t>
  </si>
  <si>
    <t>REDY51Z</t>
  </si>
  <si>
    <r>
      <t xml:space="preserve">Red Gold </t>
    </r>
    <r>
      <rPr>
        <sz val="11"/>
        <rFont val="Arial"/>
        <family val="2"/>
      </rPr>
      <t xml:space="preserve">BBQ Sauce Naturally Balanced (Made with Sugar/ Enhanced Low Sodium) 250 / 1 oz Plastic Dunk Cups </t>
    </r>
  </si>
  <si>
    <t>72940-11580</t>
  </si>
  <si>
    <t>REDOA1Z</t>
  </si>
  <si>
    <r>
      <t xml:space="preserve">Red Gold </t>
    </r>
    <r>
      <rPr>
        <sz val="11"/>
        <rFont val="Arial"/>
        <family val="2"/>
      </rPr>
      <t xml:space="preserve">Marinara Sauce Dunk Cups (Made with Sugar/ Enhanced Low Sodium) 250 / 1 oz. Cups </t>
    </r>
  </si>
  <si>
    <t>72940-11135</t>
  </si>
  <si>
    <t>REDNA1Z</t>
  </si>
  <si>
    <t>1.25 oz</t>
  </si>
  <si>
    <t>20.63 lbs</t>
  </si>
  <si>
    <r>
      <t xml:space="preserve">Red Gold </t>
    </r>
    <r>
      <rPr>
        <sz val="12"/>
        <rFont val="Arial"/>
        <family val="2"/>
      </rPr>
      <t>Marinara Sauce Dipping Cups (Made with Sugar/ Enhanced Low Sodium)  264 / 1.25 oz. Cups</t>
    </r>
  </si>
  <si>
    <t>72940-11058</t>
  </si>
  <si>
    <t>REDNAHZC264</t>
  </si>
  <si>
    <t>2.5 oz</t>
  </si>
  <si>
    <t>13.13 lbs</t>
  </si>
  <si>
    <t>2.50 oz</t>
  </si>
  <si>
    <r>
      <t xml:space="preserve">Red Gold </t>
    </r>
    <r>
      <rPr>
        <sz val="12"/>
        <rFont val="Arial"/>
        <family val="2"/>
      </rPr>
      <t>Marinara Sauce Dipping Cups (Made with Sugar/ Enhanced Low Sodium)  84 / 2.5 oz Cups</t>
    </r>
  </si>
  <si>
    <t>72940-82207-9</t>
  </si>
  <si>
    <t>REDNA2ZC84</t>
  </si>
  <si>
    <t>26.25 lbs</t>
  </si>
  <si>
    <r>
      <t xml:space="preserve">Red Gold </t>
    </r>
    <r>
      <rPr>
        <sz val="12"/>
        <rFont val="Arial"/>
        <family val="2"/>
      </rPr>
      <t>Marinara Sauce Dipping Cups (Made with Sugar/ Enhanced Low Sodium) 168 / 2.5 oz  Cups</t>
    </r>
  </si>
  <si>
    <t>72940-82207-1</t>
  </si>
  <si>
    <t>REDNA2ZC168</t>
  </si>
  <si>
    <t>1.5 oz</t>
  </si>
  <si>
    <t>24.75 lbs</t>
  </si>
  <si>
    <t>1.50 oz</t>
  </si>
  <si>
    <r>
      <t xml:space="preserve">Red Gold </t>
    </r>
    <r>
      <rPr>
        <sz val="12"/>
        <rFont val="Arial"/>
        <family val="2"/>
      </rPr>
      <t>Salsa Dipping Cups (Made with Sugar/ Enhanced Low Sodium)  264 / 1.5 oz  Cups</t>
    </r>
  </si>
  <si>
    <t>72940-11057</t>
  </si>
  <si>
    <t>REDSCHZC264</t>
  </si>
  <si>
    <t>3.0 oz</t>
  </si>
  <si>
    <t>15.75 lbs</t>
  </si>
  <si>
    <t>3.00 oz</t>
  </si>
  <si>
    <r>
      <t xml:space="preserve">Red Gold </t>
    </r>
    <r>
      <rPr>
        <sz val="12"/>
        <rFont val="Arial"/>
        <family val="2"/>
      </rPr>
      <t>Salsa Dipping Cups (Made with Sugar/ Enhanced Low Sodium) 84 / 3 oz Cups</t>
    </r>
  </si>
  <si>
    <t>72940-11139-5</t>
  </si>
  <si>
    <t>REDSC2ZC84</t>
  </si>
  <si>
    <t>31.52 lbs</t>
  </si>
  <si>
    <r>
      <t xml:space="preserve">Red Gold </t>
    </r>
    <r>
      <rPr>
        <sz val="12"/>
        <rFont val="Arial"/>
        <family val="2"/>
      </rPr>
      <t>Salsa Dipping Cups (Made with Sugar/ Enhanced Low Sodium) 168 / 3 oz Cups</t>
    </r>
  </si>
  <si>
    <t>72940-11139-7</t>
  </si>
  <si>
    <t>REDSC2ZC168</t>
  </si>
  <si>
    <t>8 grams</t>
  </si>
  <si>
    <t>17.50 lbs</t>
  </si>
  <si>
    <t>0.28 oz</t>
  </si>
  <si>
    <r>
      <rPr>
        <b/>
        <sz val="12"/>
        <rFont val="Arial"/>
        <family val="2"/>
      </rPr>
      <t>Huy Fong</t>
    </r>
    <r>
      <rPr>
        <sz val="12"/>
        <rFont val="Arial"/>
        <family val="2"/>
      </rPr>
      <t xml:space="preserve"> "Rooster" Original Sriracha Hot Chili Sauce Ketchup  - 1000 / 8 gram Foil Packet </t>
    </r>
  </si>
  <si>
    <t>72940-11204</t>
  </si>
  <si>
    <t>HUYYW8G</t>
  </si>
  <si>
    <t>20.0 oz</t>
  </si>
  <si>
    <t>15.00 lbs</t>
  </si>
  <si>
    <r>
      <rPr>
        <b/>
        <sz val="12"/>
        <rFont val="Arial"/>
        <family val="2"/>
      </rPr>
      <t>Huy Fong</t>
    </r>
    <r>
      <rPr>
        <sz val="12"/>
        <rFont val="Arial"/>
        <family val="2"/>
      </rPr>
      <t xml:space="preserve"> "Rooster" Original Sriracha Hot Chili Sauce Ketchup - 12 / 20 oz Bottles</t>
    </r>
  </si>
  <si>
    <t>72940-11207</t>
  </si>
  <si>
    <t>HUYYW2R</t>
  </si>
  <si>
    <r>
      <rPr>
        <b/>
        <sz val="12"/>
        <rFont val="Arial"/>
        <family val="2"/>
      </rPr>
      <t>Huy Fong</t>
    </r>
    <r>
      <rPr>
        <sz val="12"/>
        <rFont val="Arial"/>
        <family val="2"/>
      </rPr>
      <t xml:space="preserve"> "Rooster" Original Sriracha Hot Chili Sauce Ketchup - 2 / 1.5 gal. Dispenser Pouch Pack**</t>
    </r>
  </si>
  <si>
    <t>72940-93074</t>
  </si>
  <si>
    <t>HUYYW7D</t>
  </si>
  <si>
    <r>
      <rPr>
        <b/>
        <sz val="12"/>
        <color rgb="FFFF0000"/>
        <rFont val="Arial"/>
        <family val="2"/>
      </rPr>
      <t>Huy Fong</t>
    </r>
    <r>
      <rPr>
        <sz val="12"/>
        <color rgb="FFFF0000"/>
        <rFont val="Arial"/>
        <family val="2"/>
      </rPr>
      <t xml:space="preserve"> "Rooster" Original Sriracha Hot Chili Sauce Ketchup - 6/ 114 oz Jugs with Pump </t>
    </r>
  </si>
  <si>
    <t>72940-74738</t>
  </si>
  <si>
    <t>HUYYW9P</t>
  </si>
  <si>
    <t>103 oz</t>
  </si>
  <si>
    <t>38.63 lbs</t>
  </si>
  <si>
    <r>
      <t>Red Gold</t>
    </r>
    <r>
      <rPr>
        <sz val="12"/>
        <rFont val="Arial"/>
        <family val="2"/>
      </rPr>
      <t xml:space="preserve"> Nutritionally Enhanced Salsa  6 / #10 Cans</t>
    </r>
  </si>
  <si>
    <t>72940-11005</t>
  </si>
  <si>
    <t>REDSC99</t>
  </si>
  <si>
    <t>106 oz</t>
  </si>
  <si>
    <t>39.75 lbs</t>
  </si>
  <si>
    <t>1.20 oz</t>
  </si>
  <si>
    <r>
      <t xml:space="preserve">Redpack </t>
    </r>
    <r>
      <rPr>
        <sz val="12"/>
        <rFont val="Arial"/>
        <family val="2"/>
      </rPr>
      <t>Nutritionally Enhanced Spaghetti Sauce 6 # 10 Cans</t>
    </r>
  </si>
  <si>
    <t>72940-82107</t>
  </si>
  <si>
    <t>RPKMA9E</t>
  </si>
  <si>
    <r>
      <t>Redpack</t>
    </r>
    <r>
      <rPr>
        <sz val="12"/>
        <rFont val="Arial"/>
        <family val="2"/>
      </rPr>
      <t xml:space="preserve"> Multi Purpose Spaghetti Sauce 6 / # 10 Cans</t>
    </r>
  </si>
  <si>
    <t>72940-82100</t>
  </si>
  <si>
    <t>RPKMA9C</t>
  </si>
  <si>
    <t>105 oz</t>
  </si>
  <si>
    <t>39.38 lbs</t>
  </si>
  <si>
    <r>
      <t>Redpack</t>
    </r>
    <r>
      <rPr>
        <sz val="12"/>
        <rFont val="Arial"/>
        <family val="2"/>
      </rPr>
      <t xml:space="preserve"> Nutritionally Enhanced Marinara Sauce 6 / # 10 Cans</t>
    </r>
  </si>
  <si>
    <t>72940-82206</t>
  </si>
  <si>
    <t>RPKNA9E</t>
  </si>
  <si>
    <t>1.40 oz</t>
  </si>
  <si>
    <r>
      <t>Redpack</t>
    </r>
    <r>
      <rPr>
        <sz val="12"/>
        <rFont val="Arial"/>
        <family val="2"/>
      </rPr>
      <t xml:space="preserve"> Multi Purpose Marinara Sauce 6 / # 10 Cans</t>
    </r>
  </si>
  <si>
    <t>72940-82200</t>
  </si>
  <si>
    <t>RPKNA99</t>
  </si>
  <si>
    <r>
      <t>Redpack</t>
    </r>
    <r>
      <rPr>
        <sz val="12"/>
        <rFont val="Arial"/>
        <family val="2"/>
      </rPr>
      <t xml:space="preserve"> Nutritionally Enhanced Fully Prepared Pizza Sauce 6 / # 10 Cans</t>
    </r>
  </si>
  <si>
    <t>72940-81909</t>
  </si>
  <si>
    <t>RPKIL9E</t>
  </si>
  <si>
    <r>
      <t>Redpack</t>
    </r>
    <r>
      <rPr>
        <sz val="12"/>
        <rFont val="Arial"/>
        <family val="2"/>
      </rPr>
      <t xml:space="preserve"> Fully Prepared Pizza Sauce 6 / # 10 Cans</t>
    </r>
  </si>
  <si>
    <t>72940-81907</t>
  </si>
  <si>
    <t>RPKIL99</t>
  </si>
  <si>
    <t>1.10 oz</t>
  </si>
  <si>
    <r>
      <t xml:space="preserve">Redpack </t>
    </r>
    <r>
      <rPr>
        <sz val="12"/>
        <rFont val="Arial"/>
        <family val="2"/>
      </rPr>
      <t>Extra Heavy Pizza Sauce w/ Basil  6 / # 10 Cans</t>
    </r>
  </si>
  <si>
    <t>72940-81903</t>
  </si>
  <si>
    <t>RPKIX99</t>
  </si>
  <si>
    <t>109 oz</t>
  </si>
  <si>
    <t>2.20 oz</t>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t>72940-10094</t>
  </si>
  <si>
    <t>REDRL99</t>
  </si>
  <si>
    <t>108 oz</t>
  </si>
  <si>
    <t>40.50 lbs</t>
  </si>
  <si>
    <t>1.30 oz</t>
  </si>
  <si>
    <r>
      <t>Redpack</t>
    </r>
    <r>
      <rPr>
        <sz val="12"/>
        <rFont val="Arial"/>
        <family val="2"/>
      </rPr>
      <t xml:space="preserve"> Sloppy Joe Sauce 6 / # 10 Cans</t>
    </r>
  </si>
  <si>
    <t>72940-74150</t>
  </si>
  <si>
    <t>RPK1A99</t>
  </si>
  <si>
    <r>
      <t>Redpack</t>
    </r>
    <r>
      <rPr>
        <sz val="12"/>
        <rFont val="Arial"/>
        <family val="2"/>
      </rPr>
      <t xml:space="preserve"> Concentrated &amp; Crushed All Purpose Tomatoes 6 / # 10 Cans</t>
    </r>
  </si>
  <si>
    <t>72940-81400</t>
  </si>
  <si>
    <t>RPKDX99</t>
  </si>
  <si>
    <t>111 oz</t>
  </si>
  <si>
    <t>41.63 lbs</t>
  </si>
  <si>
    <t>0.50 oz</t>
  </si>
  <si>
    <r>
      <t>Redpack</t>
    </r>
    <r>
      <rPr>
        <sz val="12"/>
        <rFont val="Arial"/>
        <family val="2"/>
      </rPr>
      <t xml:space="preserve"> Tomato Paste 6 / # 10 Cans</t>
    </r>
  </si>
  <si>
    <t>72940-82300</t>
  </si>
  <si>
    <t>RPKUA99</t>
  </si>
  <si>
    <r>
      <t>Redpack</t>
    </r>
    <r>
      <rPr>
        <sz val="12"/>
        <rFont val="Arial"/>
        <family val="2"/>
      </rPr>
      <t xml:space="preserve"> Tomato Sauce 6 / # 10 Cans</t>
    </r>
  </si>
  <si>
    <t>72940-81800</t>
  </si>
  <si>
    <t>RPKHA99</t>
  </si>
  <si>
    <t>1.11 oz</t>
  </si>
  <si>
    <r>
      <t>Redpack</t>
    </r>
    <r>
      <rPr>
        <sz val="12"/>
        <rFont val="Arial"/>
        <family val="2"/>
      </rPr>
      <t xml:space="preserve"> Tomato Puree (1.06 Specific Gravity) 6 / # 10 Cans</t>
    </r>
  </si>
  <si>
    <t>72940-81701</t>
  </si>
  <si>
    <t>RPKH69X</t>
  </si>
  <si>
    <t>2.00 oz</t>
  </si>
  <si>
    <r>
      <t>Vine Ripe</t>
    </r>
    <r>
      <rPr>
        <sz val="12"/>
        <rFont val="Arial"/>
        <family val="2"/>
      </rPr>
      <t xml:space="preserve"> Spaghetti Sauce - Low Sodium 6 / # 10 Cans</t>
    </r>
  </si>
  <si>
    <t>72940-10015</t>
  </si>
  <si>
    <t>VINMS99</t>
  </si>
  <si>
    <r>
      <t xml:space="preserve">Vine Ripe </t>
    </r>
    <r>
      <rPr>
        <sz val="12"/>
        <rFont val="Arial"/>
        <family val="2"/>
      </rPr>
      <t>Tomato Sauce - Low Sodium 6 / # 10 Cans</t>
    </r>
  </si>
  <si>
    <t>72940-10052</t>
  </si>
  <si>
    <t>VINHM99</t>
  </si>
  <si>
    <t>12 / 46 oz Cans</t>
  </si>
  <si>
    <t>46 oz</t>
  </si>
  <si>
    <t>36.86 lbs</t>
  </si>
  <si>
    <t>8.6 oz</t>
  </si>
  <si>
    <t>Sacramento Tomato Juice 12 / 46 oz Cans</t>
  </si>
  <si>
    <t>72940-76002</t>
  </si>
  <si>
    <t>SACVA46</t>
  </si>
  <si>
    <t>34.50 lbs</t>
  </si>
  <si>
    <r>
      <t xml:space="preserve">Red Gold </t>
    </r>
    <r>
      <rPr>
        <sz val="12"/>
        <rFont val="Arial"/>
        <family val="2"/>
      </rPr>
      <t>Tomato Juice No Salt Added (NSA)  12 / 46 oz Cans</t>
    </r>
  </si>
  <si>
    <t>72940-14320-5</t>
  </si>
  <si>
    <t>REDVB46</t>
  </si>
  <si>
    <t xml:space="preserve">   TOTAL ALL BRANDS</t>
  </si>
  <si>
    <t>TOTAL ENTITLEMENT DOLLARS COMMITTED</t>
  </si>
  <si>
    <t>** Dispensers available by contacting your local foodservice broker.</t>
  </si>
  <si>
    <t>Redpack and Red Gold are the registered trademarks of Red Gold, LLC., Elwood, IN</t>
  </si>
</sst>
</file>

<file path=xl/styles.xml><?xml version="1.0" encoding="utf-8"?>
<styleSheet xmlns="http://schemas.openxmlformats.org/spreadsheetml/2006/main">
  <numFmts count="10">
    <numFmt numFmtId="7" formatCode="&quot;$&quot;#,##0.00_);\(&quot;$&quot;#,##0.00\)"/>
    <numFmt numFmtId="8" formatCode="&quot;$&quot;#,##0.00_);[Red]\(&quot;$&quot;#,##0.00\)"/>
    <numFmt numFmtId="44" formatCode="_(&quot;$&quot;* #,##0.00_);_(&quot;$&quot;* \(#,##0.00\);_(&quot;$&quot;* &quot;-&quot;??_);_(@_)"/>
    <numFmt numFmtId="43" formatCode="_(* #,##0.00_);_(* \(#,##0.00\);_(* &quot;-&quot;??_);_(@_)"/>
    <numFmt numFmtId="164" formatCode="[&lt;=9999999]###\-####;\(###\)\ ###\-####"/>
    <numFmt numFmtId="165" formatCode="&quot;$&quot;#,##0.0000"/>
    <numFmt numFmtId="166" formatCode="_(* #,##0_);_(* \(#,##0\);_(* &quot;-&quot;??_);_(@_)"/>
    <numFmt numFmtId="167" formatCode="0.0"/>
    <numFmt numFmtId="168" formatCode="&quot;$&quot;#,##0.0000_);[Red]\(&quot;$&quot;#,##0.0000\)"/>
    <numFmt numFmtId="169" formatCode="0.0000"/>
  </numFmts>
  <fonts count="37">
    <font>
      <sz val="10"/>
      <name val="Arial"/>
      <family val="2"/>
    </font>
    <font>
      <sz val="10"/>
      <name val="Arial"/>
      <family val="2"/>
    </font>
    <font>
      <sz val="20"/>
      <name val="Arial Black"/>
      <family val="2"/>
    </font>
    <font>
      <sz val="18"/>
      <name val="Arial Black"/>
      <family val="2"/>
    </font>
    <font>
      <sz val="16"/>
      <name val="Arial Black"/>
      <family val="2"/>
    </font>
    <font>
      <b/>
      <sz val="16"/>
      <name val="Arial"/>
      <family val="2"/>
    </font>
    <font>
      <b/>
      <sz val="14"/>
      <name val="Arial"/>
      <family val="2"/>
    </font>
    <font>
      <sz val="14"/>
      <name val="Arial"/>
      <family val="2"/>
    </font>
    <font>
      <u/>
      <sz val="14"/>
      <color indexed="12"/>
      <name val="Arial"/>
      <family val="2"/>
    </font>
    <font>
      <sz val="14"/>
      <color indexed="10"/>
      <name val="Arial"/>
      <family val="2"/>
    </font>
    <font>
      <u/>
      <sz val="14"/>
      <color rgb="FF0000FF"/>
      <name val="Arial"/>
      <family val="2"/>
    </font>
    <font>
      <u/>
      <sz val="10"/>
      <color indexed="12"/>
      <name val="Arial"/>
      <family val="2"/>
    </font>
    <font>
      <sz val="11"/>
      <name val="Arial"/>
      <family val="2"/>
    </font>
    <font>
      <sz val="12"/>
      <name val="Arial"/>
      <family val="2"/>
    </font>
    <font>
      <b/>
      <u/>
      <sz val="14"/>
      <color indexed="12"/>
      <name val="Arial"/>
      <family val="2"/>
    </font>
    <font>
      <sz val="9"/>
      <name val="Arial"/>
      <family val="2"/>
    </font>
    <font>
      <sz val="10"/>
      <color theme="0" tint="-0.249977111117893"/>
      <name val="Arial"/>
      <family val="2"/>
    </font>
    <font>
      <sz val="10"/>
      <color rgb="FFFF0000"/>
      <name val="Arial"/>
      <family val="2"/>
    </font>
    <font>
      <sz val="10"/>
      <color theme="0"/>
      <name val="Arial"/>
      <family val="2"/>
    </font>
    <font>
      <b/>
      <sz val="10"/>
      <name val="Arial"/>
      <family val="2"/>
    </font>
    <font>
      <i/>
      <sz val="10"/>
      <name val="Arial"/>
      <family val="2"/>
    </font>
    <font>
      <b/>
      <sz val="8"/>
      <name val="Arial"/>
      <family val="2"/>
    </font>
    <font>
      <b/>
      <i/>
      <sz val="12"/>
      <color indexed="10"/>
      <name val="Arial"/>
      <family val="2"/>
    </font>
    <font>
      <i/>
      <sz val="10"/>
      <color theme="0" tint="-0.249977111117893"/>
      <name val="Arial"/>
      <family val="2"/>
    </font>
    <font>
      <i/>
      <sz val="10"/>
      <color rgb="FFFF0000"/>
      <name val="Arial"/>
      <family val="2"/>
    </font>
    <font>
      <i/>
      <sz val="10"/>
      <color theme="0"/>
      <name val="Arial"/>
      <family val="2"/>
    </font>
    <font>
      <b/>
      <sz val="12"/>
      <name val="Arial"/>
      <family val="2"/>
    </font>
    <font>
      <sz val="12"/>
      <color rgb="FFFF0000"/>
      <name val="Arial"/>
      <family val="2"/>
    </font>
    <font>
      <b/>
      <i/>
      <sz val="12"/>
      <name val="Arial"/>
      <family val="2"/>
    </font>
    <font>
      <b/>
      <sz val="12"/>
      <color theme="0" tint="-0.249977111117893"/>
      <name val="Arial"/>
      <family val="2"/>
    </font>
    <font>
      <b/>
      <sz val="12"/>
      <color rgb="FFFF0000"/>
      <name val="Arial"/>
      <family val="2"/>
    </font>
    <font>
      <b/>
      <sz val="12"/>
      <color theme="0"/>
      <name val="Arial"/>
      <family val="2"/>
    </font>
    <font>
      <sz val="16"/>
      <name val="Arial"/>
      <family val="2"/>
    </font>
    <font>
      <sz val="12"/>
      <color theme="0"/>
      <name val="Arial"/>
      <family val="2"/>
    </font>
    <font>
      <b/>
      <sz val="11"/>
      <color rgb="FFFF0000"/>
      <name val="Arial"/>
      <family val="2"/>
    </font>
    <font>
      <sz val="11"/>
      <color rgb="FFFF0000"/>
      <name val="Arial"/>
      <family val="2"/>
    </font>
    <font>
      <b/>
      <sz val="11"/>
      <name val="Arial"/>
      <family val="2"/>
    </font>
  </fonts>
  <fills count="8">
    <fill>
      <patternFill patternType="none"/>
    </fill>
    <fill>
      <patternFill patternType="gray125"/>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theme="0"/>
        <bgColor indexed="64"/>
      </patternFill>
    </fill>
    <fill>
      <patternFill patternType="solid">
        <fgColor theme="0" tint="-0.249977111117893"/>
        <bgColor indexed="64"/>
      </patternFill>
    </fill>
    <fill>
      <patternFill patternType="solid">
        <fgColor theme="0" tint="-0.24994659260841701"/>
        <bgColor indexed="64"/>
      </patternFill>
    </fill>
  </fills>
  <borders count="30">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diagonal/>
    </border>
    <border>
      <left style="thin">
        <color indexed="64"/>
      </left>
      <right style="thin">
        <color indexed="64"/>
      </right>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s>
  <cellStyleXfs count="5">
    <xf numFmtId="0" fontId="0" fillId="0" borderId="0"/>
    <xf numFmtId="0" fontId="11" fillId="0" borderId="0" applyNumberFormat="0" applyFill="0" applyBorder="0" applyAlignment="0" applyProtection="0">
      <alignment vertical="top"/>
      <protection locked="0"/>
    </xf>
    <xf numFmtId="0" fontId="1" fillId="0" borderId="0"/>
    <xf numFmtId="44" fontId="1" fillId="0" borderId="0" applyFont="0" applyFill="0" applyBorder="0" applyAlignment="0" applyProtection="0"/>
    <xf numFmtId="43" fontId="1" fillId="0" borderId="0" applyFont="0" applyFill="0" applyBorder="0" applyAlignment="0" applyProtection="0"/>
  </cellStyleXfs>
  <cellXfs count="335">
    <xf numFmtId="0" fontId="0" fillId="0" borderId="0" xfId="0"/>
    <xf numFmtId="0" fontId="0" fillId="2" borderId="0" xfId="0" applyFill="1"/>
    <xf numFmtId="14" fontId="1" fillId="3" borderId="0" xfId="0" applyNumberFormat="1" applyFont="1" applyFill="1" applyAlignment="1">
      <alignment horizontal="center"/>
    </xf>
    <xf numFmtId="0" fontId="0" fillId="4" borderId="0" xfId="0" applyFill="1"/>
    <xf numFmtId="0" fontId="6" fillId="0" borderId="0" xfId="0" applyFont="1" applyFill="1" applyBorder="1" applyAlignment="1">
      <alignment vertical="center" wrapText="1"/>
    </xf>
    <xf numFmtId="0" fontId="0" fillId="2" borderId="0" xfId="0" applyFill="1" applyAlignment="1">
      <alignment horizontal="left" vertical="center"/>
    </xf>
    <xf numFmtId="0" fontId="0" fillId="4" borderId="0" xfId="0" applyFill="1" applyAlignment="1">
      <alignment horizontal="left" vertical="center"/>
    </xf>
    <xf numFmtId="0" fontId="0" fillId="0" borderId="0" xfId="0" applyAlignment="1">
      <alignment horizontal="left" vertical="center"/>
    </xf>
    <xf numFmtId="0" fontId="11" fillId="0" borderId="0" xfId="1" applyAlignment="1" applyProtection="1">
      <alignment horizontal="left" vertical="center"/>
    </xf>
    <xf numFmtId="0" fontId="6" fillId="0" borderId="0" xfId="0" applyFont="1" applyFill="1" applyBorder="1" applyAlignment="1">
      <alignment horizontal="left" vertical="center" wrapText="1"/>
    </xf>
    <xf numFmtId="0" fontId="0" fillId="5" borderId="1" xfId="0" applyFill="1" applyBorder="1"/>
    <xf numFmtId="0" fontId="0" fillId="5" borderId="2" xfId="0" applyFill="1" applyBorder="1"/>
    <xf numFmtId="0" fontId="6" fillId="0" borderId="0" xfId="0" applyFont="1" applyFill="1" applyBorder="1" applyAlignment="1">
      <alignment wrapText="1"/>
    </xf>
    <xf numFmtId="0" fontId="0" fillId="5" borderId="0" xfId="0" applyFill="1" applyBorder="1"/>
    <xf numFmtId="0" fontId="6" fillId="0" borderId="0" xfId="0" applyFont="1" applyFill="1" applyBorder="1" applyAlignment="1">
      <alignment horizontal="left" wrapText="1"/>
    </xf>
    <xf numFmtId="0" fontId="7" fillId="0" borderId="0" xfId="0" applyFont="1"/>
    <xf numFmtId="0" fontId="1" fillId="5" borderId="4" xfId="0" applyFont="1" applyFill="1" applyBorder="1" applyAlignment="1">
      <alignment horizontal="left" wrapText="1"/>
    </xf>
    <xf numFmtId="0" fontId="12" fillId="5" borderId="0" xfId="0" applyFont="1" applyFill="1" applyBorder="1" applyAlignment="1">
      <alignment wrapText="1"/>
    </xf>
    <xf numFmtId="0" fontId="1" fillId="5" borderId="0" xfId="0" applyFont="1" applyFill="1" applyBorder="1"/>
    <xf numFmtId="0" fontId="0" fillId="5" borderId="0" xfId="0" applyFill="1"/>
    <xf numFmtId="0" fontId="7" fillId="0" borderId="0" xfId="0" applyFont="1" applyFill="1" applyBorder="1" applyAlignment="1"/>
    <xf numFmtId="0" fontId="13" fillId="5" borderId="0" xfId="0" applyFont="1" applyFill="1" applyBorder="1"/>
    <xf numFmtId="0" fontId="0" fillId="5" borderId="5" xfId="0" applyFill="1" applyBorder="1"/>
    <xf numFmtId="0" fontId="8" fillId="0" borderId="0" xfId="1" applyFont="1" applyAlignment="1" applyProtection="1"/>
    <xf numFmtId="0" fontId="7" fillId="0" borderId="0" xfId="0" applyFont="1" applyAlignment="1">
      <alignment wrapText="1"/>
    </xf>
    <xf numFmtId="0" fontId="8" fillId="5" borderId="4" xfId="1" applyFont="1" applyFill="1" applyBorder="1" applyAlignment="1" applyProtection="1">
      <alignment horizontal="left" indent="1"/>
    </xf>
    <xf numFmtId="0" fontId="7" fillId="5" borderId="0" xfId="0" applyFont="1" applyFill="1" applyBorder="1" applyAlignment="1">
      <alignment horizontal="left" indent="1"/>
    </xf>
    <xf numFmtId="0" fontId="0" fillId="5" borderId="0" xfId="0" applyFill="1" applyBorder="1" applyAlignment="1">
      <alignment horizontal="left" indent="1"/>
    </xf>
    <xf numFmtId="0" fontId="7" fillId="5" borderId="0" xfId="0" applyFont="1" applyFill="1" applyBorder="1"/>
    <xf numFmtId="0" fontId="6" fillId="5" borderId="0" xfId="0" applyFont="1" applyFill="1" applyBorder="1" applyAlignment="1"/>
    <xf numFmtId="0" fontId="7" fillId="5" borderId="5" xfId="0" applyFont="1" applyFill="1" applyBorder="1"/>
    <xf numFmtId="0" fontId="8" fillId="5" borderId="6" xfId="1" applyFont="1" applyFill="1" applyBorder="1" applyAlignment="1" applyProtection="1"/>
    <xf numFmtId="0" fontId="7" fillId="5" borderId="7" xfId="0" applyFont="1" applyFill="1" applyBorder="1"/>
    <xf numFmtId="0" fontId="7" fillId="5" borderId="8" xfId="0" applyFont="1" applyFill="1" applyBorder="1"/>
    <xf numFmtId="0" fontId="0" fillId="2" borderId="0" xfId="0" applyFill="1" applyBorder="1"/>
    <xf numFmtId="0" fontId="13" fillId="2" borderId="0" xfId="0" applyFont="1" applyFill="1" applyBorder="1"/>
    <xf numFmtId="0" fontId="0" fillId="2" borderId="1" xfId="0" applyFill="1" applyBorder="1"/>
    <xf numFmtId="0" fontId="1" fillId="2" borderId="2" xfId="0" applyFont="1" applyFill="1" applyBorder="1"/>
    <xf numFmtId="0" fontId="0" fillId="2" borderId="2" xfId="0" applyFill="1" applyBorder="1"/>
    <xf numFmtId="0" fontId="0" fillId="2" borderId="3" xfId="0" applyFill="1" applyBorder="1"/>
    <xf numFmtId="0" fontId="6" fillId="2" borderId="4" xfId="0" applyFont="1" applyFill="1" applyBorder="1" applyAlignment="1">
      <alignment horizontal="left" indent="1"/>
    </xf>
    <xf numFmtId="0" fontId="7" fillId="0" borderId="0" xfId="0" applyFont="1" applyBorder="1"/>
    <xf numFmtId="0" fontId="6" fillId="2" borderId="0" xfId="0" applyFont="1" applyFill="1" applyBorder="1" applyAlignment="1">
      <alignment horizontal="left"/>
    </xf>
    <xf numFmtId="0" fontId="7" fillId="2" borderId="0" xfId="0" applyFont="1" applyFill="1" applyBorder="1"/>
    <xf numFmtId="0" fontId="6" fillId="2" borderId="0" xfId="0" applyFont="1" applyFill="1" applyBorder="1" applyAlignment="1">
      <alignment wrapText="1"/>
    </xf>
    <xf numFmtId="0" fontId="7" fillId="2" borderId="5" xfId="0" applyFont="1" applyFill="1" applyBorder="1"/>
    <xf numFmtId="0" fontId="1" fillId="2" borderId="0" xfId="0" applyFont="1" applyFill="1"/>
    <xf numFmtId="0" fontId="7" fillId="2" borderId="4" xfId="0" applyFont="1" applyFill="1" applyBorder="1"/>
    <xf numFmtId="0" fontId="0" fillId="0" borderId="0" xfId="0" applyBorder="1"/>
    <xf numFmtId="0" fontId="6" fillId="2" borderId="0" xfId="0" applyFont="1" applyFill="1" applyBorder="1" applyAlignment="1">
      <alignment horizontal="right"/>
    </xf>
    <xf numFmtId="0" fontId="6" fillId="2" borderId="6" xfId="0" applyFont="1" applyFill="1" applyBorder="1" applyAlignment="1"/>
    <xf numFmtId="0" fontId="6" fillId="2" borderId="7" xfId="0" applyFont="1" applyFill="1" applyBorder="1" applyAlignment="1"/>
    <xf numFmtId="0" fontId="7" fillId="2" borderId="7" xfId="0" applyFont="1" applyFill="1" applyBorder="1"/>
    <xf numFmtId="0" fontId="6" fillId="2" borderId="7" xfId="0" applyFont="1" applyFill="1" applyBorder="1"/>
    <xf numFmtId="0" fontId="14" fillId="2" borderId="7" xfId="1" applyFont="1" applyFill="1" applyBorder="1" applyAlignment="1" applyProtection="1"/>
    <xf numFmtId="0" fontId="7" fillId="2" borderId="8" xfId="0" applyFont="1" applyFill="1" applyBorder="1"/>
    <xf numFmtId="0" fontId="0" fillId="4" borderId="0" xfId="0" applyFill="1" applyBorder="1"/>
    <xf numFmtId="0" fontId="0" fillId="0" borderId="0" xfId="0" applyAlignment="1">
      <alignment vertical="center"/>
    </xf>
    <xf numFmtId="0" fontId="11" fillId="0" borderId="0" xfId="1" applyAlignment="1" applyProtection="1">
      <alignment vertical="center"/>
    </xf>
    <xf numFmtId="0" fontId="0" fillId="4" borderId="0" xfId="0" applyFill="1" applyAlignment="1">
      <alignment vertical="center"/>
    </xf>
    <xf numFmtId="0" fontId="0" fillId="2" borderId="0" xfId="0" applyFill="1" applyAlignment="1">
      <alignment vertical="center"/>
    </xf>
    <xf numFmtId="0" fontId="1" fillId="2" borderId="0" xfId="2" applyFont="1" applyFill="1"/>
    <xf numFmtId="0" fontId="1" fillId="2" borderId="0" xfId="2" applyFont="1" applyFill="1" applyAlignment="1">
      <alignment horizontal="left" wrapText="1"/>
    </xf>
    <xf numFmtId="0" fontId="1" fillId="5" borderId="0" xfId="2" applyFont="1" applyFill="1"/>
    <xf numFmtId="2" fontId="1" fillId="5" borderId="0" xfId="2" applyNumberFormat="1" applyFont="1" applyFill="1"/>
    <xf numFmtId="2" fontId="15" fillId="5" borderId="0" xfId="2" applyNumberFormat="1" applyFont="1" applyFill="1" applyAlignment="1">
      <alignment horizontal="right" vertical="center" wrapText="1"/>
    </xf>
    <xf numFmtId="0" fontId="16" fillId="4" borderId="0" xfId="2" applyFont="1" applyFill="1"/>
    <xf numFmtId="0" fontId="17" fillId="0" borderId="0" xfId="2" applyFont="1"/>
    <xf numFmtId="0" fontId="18" fillId="0" borderId="0" xfId="2" applyFont="1" applyAlignment="1">
      <alignment horizontal="left"/>
    </xf>
    <xf numFmtId="0" fontId="17" fillId="0" borderId="0" xfId="2" applyFont="1" applyAlignment="1">
      <alignment horizontal="left"/>
    </xf>
    <xf numFmtId="0" fontId="1" fillId="0" borderId="0" xfId="2" applyFont="1" applyAlignment="1">
      <alignment horizontal="left"/>
    </xf>
    <xf numFmtId="0" fontId="1" fillId="0" borderId="0" xfId="2" applyFont="1"/>
    <xf numFmtId="0" fontId="1" fillId="5" borderId="0" xfId="2" applyFont="1" applyFill="1" applyAlignment="1">
      <alignment vertical="center"/>
    </xf>
    <xf numFmtId="0" fontId="1" fillId="2" borderId="0" xfId="2" applyFont="1" applyFill="1" applyAlignment="1">
      <alignment vertical="center"/>
    </xf>
    <xf numFmtId="165" fontId="18" fillId="0" borderId="0" xfId="3" applyNumberFormat="1" applyFont="1" applyAlignment="1">
      <alignment horizontal="left"/>
    </xf>
    <xf numFmtId="2" fontId="1" fillId="5" borderId="0" xfId="2" applyNumberFormat="1" applyFont="1" applyFill="1" applyAlignment="1">
      <alignment vertical="center"/>
    </xf>
    <xf numFmtId="0" fontId="4" fillId="5" borderId="0" xfId="2" applyFont="1" applyFill="1" applyAlignment="1" applyProtection="1">
      <alignment vertical="center"/>
    </xf>
    <xf numFmtId="0" fontId="4" fillId="0" borderId="0" xfId="2" applyFont="1" applyFill="1" applyAlignment="1" applyProtection="1">
      <alignment vertical="center"/>
    </xf>
    <xf numFmtId="166" fontId="18" fillId="0" borderId="0" xfId="4" applyNumberFormat="1" applyFont="1" applyAlignment="1">
      <alignment horizontal="left"/>
    </xf>
    <xf numFmtId="0" fontId="20" fillId="2" borderId="0" xfId="2" applyFont="1" applyFill="1"/>
    <xf numFmtId="0" fontId="23" fillId="4" borderId="0" xfId="2" applyFont="1" applyFill="1"/>
    <xf numFmtId="0" fontId="24" fillId="0" borderId="0" xfId="2" applyFont="1"/>
    <xf numFmtId="14" fontId="18" fillId="0" borderId="0" xfId="2" quotePrefix="1" applyNumberFormat="1" applyFont="1" applyAlignment="1">
      <alignment horizontal="left"/>
    </xf>
    <xf numFmtId="0" fontId="25" fillId="0" borderId="0" xfId="2" applyFont="1" applyAlignment="1">
      <alignment horizontal="left"/>
    </xf>
    <xf numFmtId="0" fontId="24" fillId="0" borderId="0" xfId="2" applyFont="1" applyAlignment="1">
      <alignment horizontal="left"/>
    </xf>
    <xf numFmtId="0" fontId="20" fillId="0" borderId="0" xfId="2" applyFont="1" applyAlignment="1">
      <alignment horizontal="left"/>
    </xf>
    <xf numFmtId="0" fontId="20" fillId="0" borderId="0" xfId="2" applyFont="1"/>
    <xf numFmtId="0" fontId="26" fillId="2" borderId="0" xfId="2" applyFont="1" applyFill="1"/>
    <xf numFmtId="0" fontId="26" fillId="2" borderId="9" xfId="2" applyFont="1" applyFill="1" applyBorder="1" applyAlignment="1">
      <alignment horizontal="center" wrapText="1"/>
    </xf>
    <xf numFmtId="0" fontId="26" fillId="2" borderId="10" xfId="2" applyFont="1" applyFill="1" applyBorder="1" applyAlignment="1">
      <alignment horizontal="center" wrapText="1"/>
    </xf>
    <xf numFmtId="2" fontId="26" fillId="0" borderId="11" xfId="2" applyNumberFormat="1" applyFont="1" applyBorder="1" applyAlignment="1">
      <alignment horizontal="center" wrapText="1"/>
    </xf>
    <xf numFmtId="0" fontId="29" fillId="4" borderId="0" xfId="2" applyFont="1" applyFill="1"/>
    <xf numFmtId="0" fontId="30" fillId="0" borderId="0" xfId="2" applyFont="1"/>
    <xf numFmtId="0" fontId="31" fillId="0" borderId="0" xfId="2" applyFont="1" applyAlignment="1">
      <alignment horizontal="left"/>
    </xf>
    <xf numFmtId="0" fontId="30" fillId="0" borderId="0" xfId="2" applyFont="1" applyAlignment="1">
      <alignment horizontal="left"/>
    </xf>
    <xf numFmtId="0" fontId="26" fillId="0" borderId="0" xfId="2" applyFont="1" applyAlignment="1">
      <alignment horizontal="left"/>
    </xf>
    <xf numFmtId="0" fontId="26" fillId="0" borderId="0" xfId="2" applyFont="1"/>
    <xf numFmtId="0" fontId="1" fillId="2" borderId="0" xfId="2" applyFont="1" applyFill="1" applyBorder="1"/>
    <xf numFmtId="167" fontId="21" fillId="2" borderId="0" xfId="2" applyNumberFormat="1" applyFont="1" applyFill="1" applyBorder="1" applyAlignment="1">
      <alignment horizontal="center" vertical="center" wrapText="1"/>
    </xf>
    <xf numFmtId="2" fontId="21" fillId="2" borderId="0" xfId="2" applyNumberFormat="1" applyFont="1" applyFill="1" applyBorder="1" applyAlignment="1">
      <alignment horizontal="center" vertical="center" wrapText="1"/>
    </xf>
    <xf numFmtId="0" fontId="17" fillId="0" borderId="0" xfId="2" applyFont="1" applyFill="1"/>
    <xf numFmtId="0" fontId="33" fillId="0" borderId="0" xfId="2" applyFont="1" applyFill="1" applyBorder="1" applyAlignment="1">
      <alignment horizontal="left" vertical="top" wrapText="1"/>
    </xf>
    <xf numFmtId="0" fontId="27" fillId="0" borderId="0" xfId="2" applyFont="1" applyFill="1" applyBorder="1" applyAlignment="1">
      <alignment horizontal="left" vertical="top" wrapText="1"/>
    </xf>
    <xf numFmtId="0" fontId="26" fillId="2" borderId="0" xfId="2" applyFont="1" applyFill="1" applyBorder="1" applyAlignment="1" applyProtection="1">
      <alignment horizontal="left" vertical="center"/>
    </xf>
    <xf numFmtId="0" fontId="13" fillId="2" borderId="0" xfId="2" applyFont="1" applyFill="1" applyBorder="1" applyAlignment="1" applyProtection="1">
      <alignment horizontal="left" vertical="center"/>
    </xf>
    <xf numFmtId="166" fontId="13" fillId="2" borderId="12" xfId="4" applyNumberFormat="1" applyFont="1" applyFill="1" applyBorder="1" applyAlignment="1" applyProtection="1">
      <alignment horizontal="center" vertical="center"/>
      <protection locked="0"/>
    </xf>
    <xf numFmtId="2" fontId="13" fillId="2" borderId="13" xfId="4" applyNumberFormat="1" applyFont="1" applyFill="1" applyBorder="1" applyAlignment="1">
      <alignment horizontal="center" vertical="center"/>
    </xf>
    <xf numFmtId="166" fontId="13" fillId="2" borderId="13" xfId="4" applyNumberFormat="1" applyFont="1" applyFill="1" applyBorder="1" applyAlignment="1" applyProtection="1">
      <alignment horizontal="center" vertical="center"/>
      <protection locked="0"/>
    </xf>
    <xf numFmtId="2" fontId="13" fillId="2" borderId="14" xfId="4" applyNumberFormat="1" applyFont="1" applyFill="1" applyBorder="1" applyAlignment="1">
      <alignment horizontal="center" vertical="center"/>
    </xf>
    <xf numFmtId="44" fontId="16" fillId="4" borderId="0" xfId="3" applyFont="1" applyFill="1" applyProtection="1">
      <protection hidden="1"/>
    </xf>
    <xf numFmtId="8" fontId="27" fillId="0" borderId="0" xfId="2" applyNumberFormat="1" applyFont="1" applyFill="1" applyBorder="1" applyAlignment="1">
      <alignment horizontal="center"/>
    </xf>
    <xf numFmtId="0" fontId="26" fillId="0" borderId="0" xfId="2" applyFont="1" applyFill="1" applyBorder="1" applyAlignment="1" applyProtection="1">
      <alignment horizontal="left" vertical="center"/>
    </xf>
    <xf numFmtId="0" fontId="13" fillId="0" borderId="0" xfId="2" applyFont="1" applyFill="1" applyBorder="1" applyAlignment="1" applyProtection="1">
      <alignment horizontal="left" vertical="center"/>
    </xf>
    <xf numFmtId="166" fontId="13" fillId="2" borderId="15" xfId="4" applyNumberFormat="1" applyFont="1" applyFill="1" applyBorder="1" applyAlignment="1" applyProtection="1">
      <alignment horizontal="center" vertical="center"/>
      <protection locked="0"/>
    </xf>
    <xf numFmtId="2" fontId="13" fillId="2" borderId="16" xfId="4" applyNumberFormat="1" applyFont="1" applyFill="1" applyBorder="1" applyAlignment="1">
      <alignment horizontal="center" vertical="center"/>
    </xf>
    <xf numFmtId="166" fontId="13" fillId="2" borderId="16" xfId="4" applyNumberFormat="1" applyFont="1" applyFill="1" applyBorder="1" applyAlignment="1" applyProtection="1">
      <alignment horizontal="center" vertical="center"/>
      <protection locked="0"/>
    </xf>
    <xf numFmtId="2" fontId="13" fillId="2" borderId="17" xfId="4" applyNumberFormat="1" applyFont="1" applyFill="1" applyBorder="1" applyAlignment="1">
      <alignment horizontal="center" vertical="center"/>
    </xf>
    <xf numFmtId="44" fontId="18" fillId="0" borderId="0" xfId="3" applyFont="1" applyAlignment="1">
      <alignment horizontal="left"/>
    </xf>
    <xf numFmtId="0" fontId="12" fillId="2" borderId="0" xfId="2" applyFont="1" applyFill="1" applyBorder="1" applyAlignment="1" applyProtection="1">
      <alignment horizontal="left" vertical="center"/>
    </xf>
    <xf numFmtId="0" fontId="13" fillId="5" borderId="0" xfId="2" applyFont="1" applyFill="1" applyBorder="1" applyAlignment="1" applyProtection="1">
      <alignment horizontal="left" vertical="center"/>
    </xf>
    <xf numFmtId="0" fontId="18" fillId="0" borderId="0" xfId="2" applyFont="1" applyAlignment="1">
      <alignment horizontal="left" wrapText="1"/>
    </xf>
    <xf numFmtId="0" fontId="17" fillId="0" borderId="0" xfId="2" applyFont="1" applyAlignment="1">
      <alignment horizontal="left" wrapText="1"/>
    </xf>
    <xf numFmtId="0" fontId="36" fillId="2" borderId="0" xfId="2" applyFont="1" applyFill="1" applyBorder="1" applyAlignment="1" applyProtection="1">
      <alignment horizontal="left" vertical="center"/>
    </xf>
    <xf numFmtId="0" fontId="34" fillId="2" borderId="0" xfId="2" applyFont="1" applyFill="1" applyBorder="1" applyAlignment="1" applyProtection="1">
      <alignment horizontal="left" vertical="center"/>
    </xf>
    <xf numFmtId="166" fontId="13" fillId="2" borderId="18" xfId="4" applyNumberFormat="1" applyFont="1" applyFill="1" applyBorder="1" applyAlignment="1" applyProtection="1">
      <alignment horizontal="center" vertical="center"/>
      <protection locked="0"/>
    </xf>
    <xf numFmtId="2" fontId="13" fillId="2" borderId="19" xfId="4" applyNumberFormat="1" applyFont="1" applyFill="1" applyBorder="1" applyAlignment="1">
      <alignment horizontal="center" vertical="center"/>
    </xf>
    <xf numFmtId="166" fontId="13" fillId="2" borderId="19" xfId="4" applyNumberFormat="1" applyFont="1" applyFill="1" applyBorder="1" applyAlignment="1" applyProtection="1">
      <alignment horizontal="center" vertical="center"/>
      <protection locked="0"/>
    </xf>
    <xf numFmtId="2" fontId="13" fillId="2" borderId="20" xfId="4" applyNumberFormat="1" applyFont="1" applyFill="1" applyBorder="1" applyAlignment="1">
      <alignment horizontal="center" vertical="center"/>
    </xf>
    <xf numFmtId="166" fontId="13" fillId="2" borderId="21" xfId="4" applyNumberFormat="1" applyFont="1" applyFill="1" applyBorder="1" applyAlignment="1" applyProtection="1">
      <alignment horizontal="center" vertical="center"/>
      <protection locked="0"/>
    </xf>
    <xf numFmtId="2" fontId="13" fillId="2" borderId="22" xfId="4" applyNumberFormat="1" applyFont="1" applyFill="1" applyBorder="1" applyAlignment="1">
      <alignment horizontal="center" vertical="center"/>
    </xf>
    <xf numFmtId="166" fontId="13" fillId="2" borderId="22" xfId="4" applyNumberFormat="1" applyFont="1" applyFill="1" applyBorder="1" applyAlignment="1" applyProtection="1">
      <alignment horizontal="center" vertical="center"/>
      <protection locked="0"/>
    </xf>
    <xf numFmtId="2" fontId="13" fillId="2" borderId="23" xfId="4" applyNumberFormat="1" applyFont="1" applyFill="1" applyBorder="1" applyAlignment="1">
      <alignment horizontal="center" vertical="center"/>
    </xf>
    <xf numFmtId="166" fontId="13" fillId="2" borderId="0" xfId="4" applyNumberFormat="1" applyFont="1" applyFill="1" applyBorder="1" applyAlignment="1" applyProtection="1">
      <alignment horizontal="center" vertical="center"/>
    </xf>
    <xf numFmtId="2" fontId="13" fillId="2" borderId="0" xfId="4" applyNumberFormat="1" applyFont="1" applyFill="1" applyBorder="1" applyAlignment="1">
      <alignment horizontal="center" vertical="center"/>
    </xf>
    <xf numFmtId="166" fontId="13" fillId="2" borderId="0" xfId="4" applyNumberFormat="1" applyFont="1" applyFill="1" applyBorder="1" applyAlignment="1" applyProtection="1">
      <alignment horizontal="center" vertical="center"/>
      <protection locked="0"/>
    </xf>
    <xf numFmtId="0" fontId="12" fillId="0" borderId="0" xfId="2" applyFont="1" applyFill="1" applyBorder="1" applyAlignment="1" applyProtection="1">
      <alignment horizontal="left" vertical="center"/>
    </xf>
    <xf numFmtId="0" fontId="36" fillId="5" borderId="0" xfId="2" applyFont="1" applyFill="1" applyBorder="1" applyAlignment="1" applyProtection="1">
      <alignment horizontal="left" vertical="center"/>
    </xf>
    <xf numFmtId="0" fontId="13" fillId="0" borderId="0" xfId="2" applyFont="1"/>
    <xf numFmtId="0" fontId="27" fillId="0" borderId="0" xfId="2" applyFont="1"/>
    <xf numFmtId="0" fontId="33" fillId="0" borderId="0" xfId="2" applyFont="1" applyAlignment="1">
      <alignment horizontal="left"/>
    </xf>
    <xf numFmtId="0" fontId="27" fillId="0" borderId="0" xfId="2" applyFont="1" applyAlignment="1">
      <alignment horizontal="left"/>
    </xf>
    <xf numFmtId="0" fontId="13" fillId="0" borderId="0" xfId="2" applyFont="1" applyAlignment="1">
      <alignment horizontal="left"/>
    </xf>
    <xf numFmtId="0" fontId="26" fillId="5" borderId="0" xfId="2" applyFont="1" applyFill="1" applyBorder="1" applyAlignment="1" applyProtection="1">
      <alignment horizontal="left" vertical="center"/>
    </xf>
    <xf numFmtId="0" fontId="27" fillId="5" borderId="0" xfId="2" applyFont="1" applyFill="1" applyBorder="1" applyAlignment="1" applyProtection="1">
      <alignment horizontal="left" vertical="center"/>
    </xf>
    <xf numFmtId="49" fontId="26" fillId="2" borderId="0" xfId="2" applyNumberFormat="1" applyFont="1" applyFill="1" applyBorder="1" applyAlignment="1" applyProtection="1">
      <alignment horizontal="left" vertical="center"/>
    </xf>
    <xf numFmtId="49" fontId="13" fillId="0" borderId="0" xfId="2" applyNumberFormat="1" applyFont="1" applyFill="1" applyBorder="1" applyAlignment="1" applyProtection="1">
      <alignment horizontal="left" vertical="center"/>
    </xf>
    <xf numFmtId="49" fontId="13" fillId="5" borderId="0" xfId="2" applyNumberFormat="1" applyFont="1" applyFill="1" applyBorder="1" applyAlignment="1" applyProtection="1">
      <alignment horizontal="left" vertical="center"/>
    </xf>
    <xf numFmtId="49" fontId="13" fillId="2" borderId="0" xfId="2" applyNumberFormat="1" applyFont="1" applyFill="1" applyBorder="1" applyAlignment="1" applyProtection="1">
      <alignment horizontal="left" vertical="center"/>
    </xf>
    <xf numFmtId="169" fontId="16" fillId="4" borderId="0" xfId="2" applyNumberFormat="1" applyFont="1" applyFill="1" applyProtection="1">
      <protection hidden="1"/>
    </xf>
    <xf numFmtId="166" fontId="13" fillId="2" borderId="24" xfId="4" applyNumberFormat="1" applyFont="1" applyFill="1" applyBorder="1" applyAlignment="1" applyProtection="1">
      <alignment horizontal="center" vertical="center"/>
      <protection locked="0"/>
    </xf>
    <xf numFmtId="2" fontId="13" fillId="2" borderId="25" xfId="4" applyNumberFormat="1" applyFont="1" applyFill="1" applyBorder="1" applyAlignment="1">
      <alignment horizontal="center" vertical="center"/>
    </xf>
    <xf numFmtId="166" fontId="13" fillId="2" borderId="25" xfId="4" applyNumberFormat="1" applyFont="1" applyFill="1" applyBorder="1" applyAlignment="1" applyProtection="1">
      <alignment horizontal="center" vertical="center"/>
      <protection locked="0"/>
    </xf>
    <xf numFmtId="49" fontId="26" fillId="5" borderId="0" xfId="2" applyNumberFormat="1" applyFont="1" applyFill="1" applyBorder="1" applyAlignment="1" applyProtection="1">
      <alignment horizontal="left" vertical="center"/>
    </xf>
    <xf numFmtId="166" fontId="13" fillId="2" borderId="26" xfId="4" applyNumberFormat="1" applyFont="1" applyFill="1" applyBorder="1" applyAlignment="1" applyProtection="1">
      <alignment horizontal="center" vertical="center"/>
      <protection locked="0"/>
    </xf>
    <xf numFmtId="2" fontId="13" fillId="2" borderId="27" xfId="4" applyNumberFormat="1" applyFont="1" applyFill="1" applyBorder="1" applyAlignment="1">
      <alignment horizontal="center" vertical="center"/>
    </xf>
    <xf numFmtId="166" fontId="13" fillId="2" borderId="27" xfId="4" applyNumberFormat="1" applyFont="1" applyFill="1" applyBorder="1" applyAlignment="1" applyProtection="1">
      <alignment horizontal="center" vertical="center"/>
      <protection locked="0"/>
    </xf>
    <xf numFmtId="2" fontId="13" fillId="2" borderId="28" xfId="4" applyNumberFormat="1" applyFont="1" applyFill="1" applyBorder="1" applyAlignment="1">
      <alignment horizontal="center" vertical="center"/>
    </xf>
    <xf numFmtId="0" fontId="1" fillId="0" borderId="0" xfId="2" applyFont="1" applyAlignment="1">
      <alignment horizontal="left" wrapText="1"/>
    </xf>
    <xf numFmtId="0" fontId="1" fillId="0" borderId="0" xfId="2" applyFont="1" applyAlignment="1">
      <alignment horizontal="right"/>
    </xf>
    <xf numFmtId="0" fontId="1" fillId="5" borderId="0" xfId="2" applyFont="1" applyFill="1" applyProtection="1"/>
    <xf numFmtId="2" fontId="1" fillId="5" borderId="0" xfId="2" applyNumberFormat="1" applyFont="1" applyFill="1" applyProtection="1"/>
    <xf numFmtId="0" fontId="16" fillId="6" borderId="0" xfId="2" applyFont="1" applyFill="1"/>
    <xf numFmtId="166" fontId="26" fillId="2" borderId="26" xfId="2" applyNumberFormat="1" applyFont="1" applyFill="1" applyBorder="1"/>
    <xf numFmtId="2" fontId="26" fillId="2" borderId="27" xfId="2" applyNumberFormat="1" applyFont="1" applyFill="1" applyBorder="1"/>
    <xf numFmtId="2" fontId="26" fillId="2" borderId="29" xfId="2" applyNumberFormat="1" applyFont="1" applyFill="1" applyBorder="1"/>
    <xf numFmtId="166" fontId="26" fillId="2" borderId="0" xfId="2" applyNumberFormat="1" applyFont="1" applyFill="1" applyBorder="1"/>
    <xf numFmtId="166" fontId="29" fillId="7" borderId="0" xfId="2" applyNumberFormat="1" applyFont="1" applyFill="1" applyBorder="1"/>
    <xf numFmtId="7" fontId="18" fillId="0" borderId="0" xfId="2" applyNumberFormat="1" applyFont="1" applyAlignment="1">
      <alignment horizontal="left"/>
    </xf>
    <xf numFmtId="44" fontId="26" fillId="2" borderId="0" xfId="3" applyFont="1" applyFill="1" applyBorder="1" applyAlignment="1">
      <alignment horizontal="center"/>
    </xf>
    <xf numFmtId="2" fontId="26" fillId="2" borderId="0" xfId="3" applyNumberFormat="1" applyFont="1" applyFill="1" applyBorder="1" applyAlignment="1">
      <alignment horizontal="center"/>
    </xf>
    <xf numFmtId="44" fontId="26" fillId="2" borderId="0" xfId="3" applyFont="1" applyFill="1" applyBorder="1" applyAlignment="1">
      <alignment horizontal="right"/>
    </xf>
    <xf numFmtId="2" fontId="26" fillId="2" borderId="0" xfId="3" applyNumberFormat="1" applyFont="1" applyFill="1" applyBorder="1" applyAlignment="1">
      <alignment horizontal="right"/>
    </xf>
    <xf numFmtId="44" fontId="16" fillId="4" borderId="0" xfId="2" applyNumberFormat="1" applyFont="1" applyFill="1"/>
    <xf numFmtId="0" fontId="13" fillId="5" borderId="0" xfId="2" applyFont="1" applyFill="1" applyBorder="1" applyAlignment="1">
      <alignment horizontal="left" vertical="top" wrapText="1"/>
    </xf>
    <xf numFmtId="0" fontId="26" fillId="2" borderId="0" xfId="2" applyFont="1" applyFill="1" applyBorder="1" applyAlignment="1">
      <alignment wrapText="1"/>
    </xf>
    <xf numFmtId="0" fontId="29" fillId="4" borderId="0" xfId="2" applyFont="1" applyFill="1" applyBorder="1" applyAlignment="1">
      <alignment wrapText="1"/>
    </xf>
    <xf numFmtId="0" fontId="16" fillId="4" borderId="0" xfId="2" applyFont="1" applyFill="1" applyBorder="1"/>
    <xf numFmtId="0" fontId="1" fillId="4" borderId="0" xfId="2" applyFont="1" applyFill="1"/>
    <xf numFmtId="0" fontId="1" fillId="4" borderId="0" xfId="2" applyFont="1" applyFill="1" applyAlignment="1">
      <alignment horizontal="right"/>
    </xf>
    <xf numFmtId="0" fontId="1" fillId="4" borderId="0" xfId="2" applyFont="1" applyFill="1" applyAlignment="1">
      <alignment horizontal="left"/>
    </xf>
    <xf numFmtId="0" fontId="7" fillId="4" borderId="0" xfId="2" applyFont="1" applyFill="1"/>
    <xf numFmtId="2" fontId="1" fillId="4" borderId="0" xfId="2" applyNumberFormat="1" applyFont="1" applyFill="1"/>
    <xf numFmtId="2" fontId="1" fillId="0" borderId="0" xfId="2" applyNumberFormat="1" applyFont="1"/>
    <xf numFmtId="0" fontId="16" fillId="0" borderId="0" xfId="2" applyFont="1"/>
    <xf numFmtId="0" fontId="1" fillId="2" borderId="0" xfId="2" applyFont="1" applyFill="1" applyProtection="1">
      <protection locked="0"/>
    </xf>
    <xf numFmtId="0" fontId="1" fillId="2" borderId="0" xfId="2" applyFont="1" applyFill="1" applyAlignment="1" applyProtection="1">
      <alignment horizontal="left" wrapText="1"/>
      <protection locked="0"/>
    </xf>
    <xf numFmtId="0" fontId="20" fillId="2" borderId="0" xfId="2" applyFont="1" applyFill="1" applyProtection="1">
      <protection locked="0"/>
    </xf>
    <xf numFmtId="0" fontId="20" fillId="2" borderId="0" xfId="2" applyFont="1" applyFill="1" applyBorder="1" applyAlignment="1" applyProtection="1">
      <alignment horizontal="left" wrapText="1"/>
      <protection locked="0"/>
    </xf>
    <xf numFmtId="0" fontId="26" fillId="2" borderId="0" xfId="2" applyFont="1" applyFill="1" applyProtection="1">
      <protection locked="0"/>
    </xf>
    <xf numFmtId="0" fontId="26" fillId="2" borderId="9" xfId="2" applyFont="1" applyFill="1" applyBorder="1" applyAlignment="1" applyProtection="1">
      <alignment horizontal="left" wrapText="1"/>
      <protection locked="0"/>
    </xf>
    <xf numFmtId="0" fontId="1" fillId="2" borderId="0" xfId="2" applyFont="1" applyFill="1" applyBorder="1" applyProtection="1">
      <protection locked="0"/>
    </xf>
    <xf numFmtId="0" fontId="1" fillId="2" borderId="0" xfId="2" quotePrefix="1" applyFont="1" applyFill="1" applyBorder="1" applyAlignment="1" applyProtection="1">
      <alignment horizontal="left" wrapText="1"/>
      <protection locked="0"/>
    </xf>
    <xf numFmtId="0" fontId="1" fillId="2" borderId="0" xfId="2" applyFont="1" applyFill="1" applyBorder="1" applyAlignment="1" applyProtection="1">
      <alignment horizontal="left" wrapText="1"/>
      <protection locked="0"/>
    </xf>
    <xf numFmtId="0" fontId="13" fillId="2" borderId="0" xfId="2" applyFont="1" applyFill="1" applyProtection="1">
      <protection locked="0"/>
    </xf>
    <xf numFmtId="0" fontId="13" fillId="0" borderId="0" xfId="2" applyFont="1" applyAlignment="1" applyProtection="1">
      <alignment horizontal="left" wrapText="1"/>
      <protection locked="0"/>
    </xf>
    <xf numFmtId="0" fontId="1" fillId="5" borderId="0" xfId="2" applyFont="1" applyFill="1" applyProtection="1">
      <protection locked="0"/>
    </xf>
    <xf numFmtId="0" fontId="1" fillId="5" borderId="0" xfId="2" quotePrefix="1" applyFont="1" applyFill="1" applyBorder="1" applyAlignment="1" applyProtection="1">
      <alignment horizontal="left" wrapText="1"/>
      <protection locked="0"/>
    </xf>
    <xf numFmtId="0" fontId="1" fillId="0" borderId="0" xfId="2" applyFont="1" applyProtection="1">
      <protection locked="0"/>
    </xf>
    <xf numFmtId="0" fontId="1" fillId="0" borderId="0" xfId="2" applyFont="1" applyAlignment="1" applyProtection="1">
      <alignment horizontal="left" wrapText="1"/>
      <protection locked="0"/>
    </xf>
    <xf numFmtId="0" fontId="1" fillId="0" borderId="0" xfId="2" applyFont="1" applyFill="1" applyProtection="1">
      <protection locked="0"/>
    </xf>
    <xf numFmtId="0" fontId="1" fillId="3" borderId="0" xfId="2" applyFont="1" applyFill="1" applyProtection="1">
      <protection locked="0"/>
    </xf>
    <xf numFmtId="0" fontId="26" fillId="2" borderId="0" xfId="2" applyFont="1" applyFill="1" applyBorder="1" applyAlignment="1" applyProtection="1">
      <alignment horizontal="center" wrapText="1"/>
      <protection locked="0"/>
    </xf>
    <xf numFmtId="0" fontId="1" fillId="2" borderId="0" xfId="2" applyFont="1" applyFill="1" applyAlignment="1" applyProtection="1">
      <alignment horizontal="right"/>
    </xf>
    <xf numFmtId="0" fontId="1" fillId="2" borderId="0" xfId="2" applyFont="1" applyFill="1" applyProtection="1"/>
    <xf numFmtId="0" fontId="1" fillId="5" borderId="0" xfId="2" applyFont="1" applyFill="1" applyAlignment="1" applyProtection="1">
      <alignment horizontal="left"/>
    </xf>
    <xf numFmtId="0" fontId="1" fillId="5" borderId="0" xfId="2" applyFont="1" applyFill="1" applyBorder="1" applyProtection="1"/>
    <xf numFmtId="0" fontId="1" fillId="5" borderId="0" xfId="2" applyFont="1" applyFill="1" applyAlignment="1" applyProtection="1">
      <alignment vertical="center"/>
    </xf>
    <xf numFmtId="0" fontId="1" fillId="5" borderId="0" xfId="2" applyFont="1" applyFill="1" applyAlignment="1" applyProtection="1">
      <alignment horizontal="left" vertical="center"/>
    </xf>
    <xf numFmtId="0" fontId="1" fillId="2" borderId="0" xfId="2" applyFont="1" applyFill="1" applyBorder="1" applyAlignment="1" applyProtection="1">
      <alignment horizontal="right"/>
    </xf>
    <xf numFmtId="0" fontId="1" fillId="2" borderId="0" xfId="2" applyFont="1" applyFill="1" applyBorder="1" applyAlignment="1" applyProtection="1">
      <alignment horizontal="left"/>
    </xf>
    <xf numFmtId="0" fontId="1" fillId="0" borderId="0" xfId="2" applyFont="1" applyFill="1" applyBorder="1" applyAlignment="1" applyProtection="1"/>
    <xf numFmtId="0" fontId="21" fillId="0" borderId="0" xfId="2" applyFont="1" applyFill="1" applyBorder="1" applyAlignment="1" applyProtection="1">
      <alignment horizontal="center" wrapText="1"/>
    </xf>
    <xf numFmtId="0" fontId="20" fillId="5" borderId="0" xfId="2" applyFont="1" applyFill="1" applyProtection="1"/>
    <xf numFmtId="0" fontId="20" fillId="5" borderId="0" xfId="2" applyFont="1" applyFill="1" applyAlignment="1" applyProtection="1">
      <alignment horizontal="left"/>
    </xf>
    <xf numFmtId="0" fontId="26" fillId="2" borderId="9" xfId="2" applyFont="1" applyFill="1" applyBorder="1" applyAlignment="1" applyProtection="1">
      <alignment horizontal="center" wrapText="1"/>
    </xf>
    <xf numFmtId="0" fontId="26" fillId="2" borderId="10" xfId="2" applyFont="1" applyFill="1" applyBorder="1" applyAlignment="1" applyProtection="1">
      <alignment horizontal="center" wrapText="1"/>
    </xf>
    <xf numFmtId="0" fontId="26" fillId="2" borderId="10" xfId="2" applyFont="1" applyFill="1" applyBorder="1" applyAlignment="1" applyProtection="1">
      <alignment horizontal="left" wrapText="1"/>
    </xf>
    <xf numFmtId="0" fontId="28" fillId="2" borderId="11" xfId="2" applyFont="1" applyFill="1" applyBorder="1" applyAlignment="1" applyProtection="1">
      <alignment horizontal="center" wrapText="1"/>
    </xf>
    <xf numFmtId="0" fontId="1" fillId="2" borderId="0" xfId="2" applyFont="1" applyFill="1" applyBorder="1" applyProtection="1"/>
    <xf numFmtId="0" fontId="21" fillId="2" borderId="0" xfId="2" applyFont="1" applyFill="1" applyBorder="1" applyAlignment="1" applyProtection="1">
      <alignment horizontal="center" wrapText="1"/>
    </xf>
    <xf numFmtId="0" fontId="32" fillId="2" borderId="0" xfId="2" applyFont="1" applyFill="1" applyBorder="1" applyAlignment="1" applyProtection="1">
      <alignment horizontal="center"/>
    </xf>
    <xf numFmtId="0" fontId="32" fillId="2" borderId="0" xfId="2" applyFont="1" applyFill="1" applyBorder="1" applyAlignment="1" applyProtection="1">
      <alignment horizontal="left"/>
    </xf>
    <xf numFmtId="167" fontId="21" fillId="2" borderId="0" xfId="2" applyNumberFormat="1" applyFont="1" applyFill="1" applyBorder="1" applyAlignment="1" applyProtection="1">
      <alignment horizontal="center" vertical="center" wrapText="1"/>
    </xf>
    <xf numFmtId="167" fontId="19" fillId="2" borderId="0" xfId="2" applyNumberFormat="1" applyFont="1" applyFill="1" applyBorder="1" applyAlignment="1" applyProtection="1">
      <alignment horizontal="center"/>
    </xf>
    <xf numFmtId="168" fontId="19" fillId="0" borderId="0" xfId="2" applyNumberFormat="1" applyFont="1" applyFill="1" applyBorder="1" applyAlignment="1" applyProtection="1">
      <alignment horizontal="center" vertical="center"/>
    </xf>
    <xf numFmtId="0" fontId="13" fillId="2" borderId="0" xfId="2" quotePrefix="1" applyFont="1" applyFill="1" applyBorder="1" applyAlignment="1" applyProtection="1">
      <alignment horizontal="right" vertical="center"/>
    </xf>
    <xf numFmtId="0" fontId="13" fillId="2" borderId="0" xfId="2" applyFont="1" applyFill="1" applyBorder="1" applyAlignment="1" applyProtection="1">
      <alignment horizontal="right" vertical="center"/>
    </xf>
    <xf numFmtId="3" fontId="13" fillId="2" borderId="0" xfId="4" quotePrefix="1" applyNumberFormat="1" applyFont="1" applyFill="1" applyBorder="1" applyAlignment="1" applyProtection="1">
      <alignment horizontal="right" vertical="center"/>
    </xf>
    <xf numFmtId="0" fontId="13" fillId="2" borderId="0" xfId="2" applyFont="1" applyFill="1" applyBorder="1" applyAlignment="1" applyProtection="1">
      <alignment vertical="center" wrapText="1"/>
    </xf>
    <xf numFmtId="0" fontId="13" fillId="2" borderId="0" xfId="2" applyFont="1" applyFill="1" applyBorder="1" applyAlignment="1" applyProtection="1">
      <alignment horizontal="center" vertical="center"/>
    </xf>
    <xf numFmtId="2" fontId="13" fillId="2" borderId="0" xfId="2" applyNumberFormat="1" applyFont="1" applyFill="1" applyBorder="1" applyAlignment="1" applyProtection="1">
      <alignment horizontal="center" vertical="center"/>
    </xf>
    <xf numFmtId="166" fontId="13" fillId="2" borderId="0" xfId="4" applyNumberFormat="1" applyFont="1" applyFill="1" applyBorder="1" applyAlignment="1" applyProtection="1">
      <alignment vertical="center"/>
    </xf>
    <xf numFmtId="8" fontId="13" fillId="2" borderId="0" xfId="2" applyNumberFormat="1" applyFont="1" applyFill="1" applyBorder="1" applyAlignment="1" applyProtection="1">
      <alignment horizontal="center" vertical="center"/>
    </xf>
    <xf numFmtId="3" fontId="13" fillId="5" borderId="0" xfId="4" quotePrefix="1" applyNumberFormat="1" applyFont="1" applyFill="1" applyBorder="1" applyAlignment="1" applyProtection="1">
      <alignment horizontal="right" vertical="center"/>
    </xf>
    <xf numFmtId="0" fontId="13" fillId="0" borderId="0" xfId="2" applyFont="1" applyFill="1" applyBorder="1" applyAlignment="1" applyProtection="1">
      <alignment vertical="center" wrapText="1"/>
    </xf>
    <xf numFmtId="3" fontId="13" fillId="0" borderId="0" xfId="4" quotePrefix="1" applyNumberFormat="1" applyFont="1" applyFill="1" applyBorder="1" applyAlignment="1" applyProtection="1">
      <alignment horizontal="right" vertical="center"/>
    </xf>
    <xf numFmtId="49" fontId="13" fillId="2" borderId="0" xfId="2" applyNumberFormat="1" applyFont="1" applyFill="1" applyBorder="1" applyAlignment="1" applyProtection="1">
      <alignment horizontal="center" vertical="center"/>
    </xf>
    <xf numFmtId="3" fontId="13" fillId="2" borderId="0" xfId="2" quotePrefix="1" applyNumberFormat="1" applyFont="1" applyFill="1" applyBorder="1" applyAlignment="1" applyProtection="1">
      <alignment horizontal="right" vertical="center"/>
    </xf>
    <xf numFmtId="0" fontId="1" fillId="0" borderId="0" xfId="2" applyFont="1" applyFill="1" applyBorder="1" applyAlignment="1" applyProtection="1">
      <alignment vertical="center" wrapText="1"/>
    </xf>
    <xf numFmtId="3" fontId="13" fillId="5" borderId="0" xfId="2" quotePrefix="1" applyNumberFormat="1" applyFont="1" applyFill="1" applyBorder="1" applyAlignment="1" applyProtection="1">
      <alignment horizontal="right" vertical="center"/>
    </xf>
    <xf numFmtId="0" fontId="13" fillId="5" borderId="0" xfId="2" applyFont="1" applyFill="1" applyBorder="1" applyAlignment="1" applyProtection="1">
      <alignment vertical="center" wrapText="1"/>
    </xf>
    <xf numFmtId="0" fontId="13" fillId="2" borderId="0" xfId="2" applyFont="1" applyFill="1" applyAlignment="1" applyProtection="1">
      <alignment horizontal="right" vertical="center"/>
    </xf>
    <xf numFmtId="0" fontId="13" fillId="2" borderId="0" xfId="2" applyFont="1" applyFill="1" applyAlignment="1" applyProtection="1">
      <alignment vertical="center"/>
    </xf>
    <xf numFmtId="0" fontId="13" fillId="2" borderId="0" xfId="2" applyFont="1" applyFill="1" applyAlignment="1" applyProtection="1">
      <alignment horizontal="left" vertical="center"/>
    </xf>
    <xf numFmtId="0" fontId="13" fillId="2" borderId="0" xfId="2" applyFont="1" applyFill="1" applyAlignment="1" applyProtection="1">
      <alignment horizontal="center" vertical="center"/>
    </xf>
    <xf numFmtId="0" fontId="13" fillId="5" borderId="0" xfId="2" applyFont="1" applyFill="1" applyBorder="1" applyAlignment="1" applyProtection="1">
      <alignment horizontal="right" vertical="center"/>
    </xf>
    <xf numFmtId="2" fontId="13" fillId="5" borderId="0" xfId="2" applyNumberFormat="1" applyFont="1" applyFill="1" applyBorder="1" applyAlignment="1" applyProtection="1">
      <alignment horizontal="center" vertical="center"/>
    </xf>
    <xf numFmtId="166" fontId="13" fillId="5" borderId="0" xfId="4" applyNumberFormat="1" applyFont="1" applyFill="1" applyBorder="1" applyAlignment="1" applyProtection="1">
      <alignment vertical="center"/>
    </xf>
    <xf numFmtId="0" fontId="13" fillId="5" borderId="0" xfId="2" applyFont="1" applyFill="1" applyAlignment="1" applyProtection="1">
      <alignment horizontal="right" vertical="center"/>
    </xf>
    <xf numFmtId="0" fontId="13" fillId="5" borderId="0" xfId="2" applyFont="1" applyFill="1" applyAlignment="1" applyProtection="1">
      <alignment vertical="center"/>
    </xf>
    <xf numFmtId="0" fontId="12" fillId="5" borderId="0" xfId="2" applyFont="1" applyFill="1" applyBorder="1" applyAlignment="1" applyProtection="1">
      <alignment horizontal="center" vertical="center"/>
    </xf>
    <xf numFmtId="0" fontId="13" fillId="5" borderId="0" xfId="2" applyFont="1" applyFill="1" applyAlignment="1" applyProtection="1">
      <alignment horizontal="left" vertical="center"/>
    </xf>
    <xf numFmtId="0" fontId="13" fillId="5" borderId="0" xfId="2" applyFont="1" applyFill="1" applyAlignment="1" applyProtection="1">
      <alignment horizontal="center" vertical="center"/>
    </xf>
    <xf numFmtId="0" fontId="12" fillId="0" borderId="0" xfId="2" applyFont="1" applyFill="1" applyBorder="1" applyAlignment="1" applyProtection="1">
      <alignment horizontal="center" vertical="center"/>
    </xf>
    <xf numFmtId="0" fontId="1" fillId="5" borderId="0" xfId="2" applyFont="1" applyFill="1" applyBorder="1" applyAlignment="1" applyProtection="1">
      <alignment vertical="center" wrapText="1"/>
    </xf>
    <xf numFmtId="0" fontId="13" fillId="5" borderId="0" xfId="2" applyFont="1" applyFill="1" applyBorder="1" applyAlignment="1" applyProtection="1">
      <alignment horizontal="center" vertical="center"/>
    </xf>
    <xf numFmtId="3" fontId="13" fillId="0" borderId="0" xfId="2" quotePrefix="1" applyNumberFormat="1" applyFont="1" applyFill="1" applyBorder="1" applyAlignment="1" applyProtection="1">
      <alignment horizontal="right" vertical="center"/>
    </xf>
    <xf numFmtId="0" fontId="13" fillId="5" borderId="0" xfId="2" quotePrefix="1" applyFont="1" applyFill="1" applyBorder="1" applyAlignment="1" applyProtection="1">
      <alignment horizontal="right" vertical="center"/>
    </xf>
    <xf numFmtId="0" fontId="13" fillId="0" borderId="0" xfId="2" quotePrefix="1" applyFont="1" applyFill="1" applyBorder="1" applyAlignment="1" applyProtection="1">
      <alignment horizontal="right" vertical="center"/>
    </xf>
    <xf numFmtId="0" fontId="13" fillId="2" borderId="0" xfId="2" applyFont="1" applyFill="1" applyBorder="1" applyAlignment="1" applyProtection="1">
      <alignment horizontal="center" vertical="center" wrapText="1"/>
    </xf>
    <xf numFmtId="2" fontId="13" fillId="0" borderId="0" xfId="2" applyNumberFormat="1" applyFont="1" applyFill="1" applyBorder="1" applyAlignment="1" applyProtection="1">
      <alignment horizontal="center" vertical="center"/>
    </xf>
    <xf numFmtId="0" fontId="13" fillId="2" borderId="0" xfId="2" applyFont="1" applyFill="1" applyBorder="1" applyAlignment="1" applyProtection="1">
      <alignment horizontal="left" vertical="center" wrapText="1"/>
    </xf>
    <xf numFmtId="0" fontId="1" fillId="0" borderId="0" xfId="2" applyFont="1" applyAlignment="1" applyProtection="1">
      <alignment horizontal="right"/>
    </xf>
    <xf numFmtId="0" fontId="1" fillId="0" borderId="0" xfId="2" applyFont="1" applyProtection="1"/>
    <xf numFmtId="0" fontId="13" fillId="2" borderId="0" xfId="2" applyFont="1" applyFill="1" applyBorder="1" applyAlignment="1" applyProtection="1">
      <alignment horizontal="right" vertical="center" wrapText="1"/>
    </xf>
    <xf numFmtId="0" fontId="26" fillId="2" borderId="0" xfId="2" applyFont="1" applyFill="1" applyBorder="1" applyAlignment="1" applyProtection="1">
      <alignment horizontal="left" wrapText="1"/>
    </xf>
    <xf numFmtId="0" fontId="13" fillId="2" borderId="0" xfId="2" applyFont="1" applyFill="1" applyBorder="1" applyAlignment="1" applyProtection="1">
      <alignment horizontal="left" vertical="top"/>
      <protection locked="0"/>
    </xf>
    <xf numFmtId="0" fontId="26" fillId="5" borderId="0" xfId="2" applyFont="1" applyFill="1" applyBorder="1" applyAlignment="1" applyProtection="1">
      <alignment horizontal="left" vertical="top" wrapText="1"/>
      <protection locked="0"/>
    </xf>
    <xf numFmtId="0" fontId="13" fillId="5" borderId="0" xfId="2" applyFont="1" applyFill="1" applyBorder="1" applyAlignment="1">
      <alignment horizontal="left" vertical="top" wrapText="1"/>
    </xf>
    <xf numFmtId="0" fontId="13" fillId="2" borderId="0" xfId="2" applyFont="1" applyFill="1" applyAlignment="1">
      <alignment horizontal="center"/>
    </xf>
    <xf numFmtId="0" fontId="26" fillId="2" borderId="10" xfId="2" applyFont="1" applyFill="1" applyBorder="1" applyAlignment="1" applyProtection="1">
      <alignment horizontal="left" wrapText="1"/>
    </xf>
    <xf numFmtId="0" fontId="26" fillId="2" borderId="0" xfId="2" applyFont="1" applyFill="1" applyAlignment="1" applyProtection="1">
      <alignment horizontal="center" wrapText="1"/>
    </xf>
    <xf numFmtId="0" fontId="26" fillId="2" borderId="5" xfId="2" applyFont="1" applyFill="1" applyBorder="1" applyAlignment="1" applyProtection="1">
      <alignment horizontal="center" wrapText="1"/>
    </xf>
    <xf numFmtId="0" fontId="13" fillId="2" borderId="0" xfId="2" applyFont="1" applyFill="1" applyBorder="1" applyAlignment="1" applyProtection="1">
      <alignment horizontal="left"/>
    </xf>
    <xf numFmtId="0" fontId="26" fillId="2" borderId="0" xfId="2" applyFont="1" applyFill="1" applyBorder="1" applyAlignment="1" applyProtection="1">
      <alignment horizontal="center" wrapText="1"/>
    </xf>
    <xf numFmtId="44" fontId="26" fillId="2" borderId="9" xfId="3" applyFont="1" applyFill="1" applyBorder="1" applyAlignment="1">
      <alignment horizontal="center"/>
    </xf>
    <xf numFmtId="44" fontId="26" fillId="2" borderId="11" xfId="3" applyFont="1" applyFill="1" applyBorder="1" applyAlignment="1">
      <alignment horizontal="center"/>
    </xf>
    <xf numFmtId="44" fontId="26" fillId="2" borderId="9" xfId="3" applyFont="1" applyFill="1" applyBorder="1" applyAlignment="1">
      <alignment horizontal="right"/>
    </xf>
    <xf numFmtId="44" fontId="26" fillId="2" borderId="11" xfId="3" applyFont="1" applyFill="1" applyBorder="1" applyAlignment="1">
      <alignment horizontal="right"/>
    </xf>
    <xf numFmtId="0" fontId="2" fillId="5" borderId="0" xfId="2" applyFont="1" applyFill="1" applyAlignment="1" applyProtection="1">
      <alignment horizontal="left" vertical="center"/>
    </xf>
    <xf numFmtId="0" fontId="2" fillId="5" borderId="0" xfId="2" applyFont="1" applyFill="1" applyBorder="1" applyAlignment="1" applyProtection="1">
      <alignment horizontal="left" vertical="center"/>
    </xf>
    <xf numFmtId="14" fontId="5" fillId="5" borderId="9" xfId="2" applyNumberFormat="1" applyFont="1" applyFill="1" applyBorder="1" applyAlignment="1">
      <alignment horizontal="center" vertical="center"/>
    </xf>
    <xf numFmtId="14" fontId="5" fillId="5" borderId="10" xfId="2" applyNumberFormat="1" applyFont="1" applyFill="1" applyBorder="1" applyAlignment="1">
      <alignment horizontal="center" vertical="center"/>
    </xf>
    <xf numFmtId="14" fontId="5" fillId="5" borderId="11" xfId="2" applyNumberFormat="1" applyFont="1" applyFill="1" applyBorder="1" applyAlignment="1">
      <alignment horizontal="center" vertical="center"/>
    </xf>
    <xf numFmtId="0" fontId="3" fillId="5" borderId="0" xfId="2" applyFont="1" applyFill="1" applyAlignment="1" applyProtection="1">
      <alignment horizontal="left" vertical="center"/>
    </xf>
    <xf numFmtId="0" fontId="4" fillId="5" borderId="0" xfId="2" applyFont="1" applyFill="1" applyAlignment="1" applyProtection="1">
      <alignment horizontal="left" vertical="center"/>
    </xf>
    <xf numFmtId="0" fontId="19" fillId="5" borderId="9" xfId="2" applyFont="1" applyFill="1" applyBorder="1" applyAlignment="1">
      <alignment horizontal="center" vertical="center"/>
    </xf>
    <xf numFmtId="0" fontId="19" fillId="5" borderId="10" xfId="2" applyFont="1" applyFill="1" applyBorder="1" applyAlignment="1">
      <alignment horizontal="center" vertical="center"/>
    </xf>
    <xf numFmtId="0" fontId="19" fillId="5" borderId="11" xfId="2" applyFont="1" applyFill="1" applyBorder="1" applyAlignment="1">
      <alignment horizontal="center" vertical="center"/>
    </xf>
    <xf numFmtId="0" fontId="22" fillId="5" borderId="9" xfId="2" applyFont="1" applyFill="1" applyBorder="1" applyAlignment="1">
      <alignment horizontal="center" vertical="center" wrapText="1"/>
    </xf>
    <xf numFmtId="0" fontId="22" fillId="5" borderId="11" xfId="2" applyFont="1" applyFill="1" applyBorder="1" applyAlignment="1">
      <alignment horizontal="center" vertical="center" wrapText="1"/>
    </xf>
    <xf numFmtId="0" fontId="6" fillId="5" borderId="4" xfId="0" applyFont="1" applyFill="1" applyBorder="1" applyAlignment="1">
      <alignment horizontal="left" vertical="center" wrapText="1"/>
    </xf>
    <xf numFmtId="0" fontId="6" fillId="5" borderId="0" xfId="0" applyFont="1" applyFill="1" applyBorder="1" applyAlignment="1">
      <alignment horizontal="left" vertical="center" wrapText="1"/>
    </xf>
    <xf numFmtId="0" fontId="6" fillId="5" borderId="0" xfId="0" applyFont="1" applyFill="1" applyBorder="1" applyAlignment="1">
      <alignment horizontal="left" vertical="center"/>
    </xf>
    <xf numFmtId="0" fontId="7" fillId="5" borderId="0" xfId="0" applyFont="1" applyFill="1" applyBorder="1" applyAlignment="1">
      <alignment horizontal="left"/>
    </xf>
    <xf numFmtId="0" fontId="7" fillId="5" borderId="5" xfId="0" applyFont="1" applyFill="1" applyBorder="1" applyAlignment="1">
      <alignment horizontal="left"/>
    </xf>
    <xf numFmtId="164" fontId="7" fillId="5" borderId="0" xfId="0" applyNumberFormat="1" applyFont="1" applyFill="1" applyBorder="1" applyAlignment="1">
      <alignment horizontal="left" vertical="center"/>
    </xf>
    <xf numFmtId="0" fontId="8" fillId="5" borderId="0" xfId="1" applyFont="1" applyFill="1" applyBorder="1" applyAlignment="1" applyProtection="1">
      <alignment horizontal="left"/>
    </xf>
    <xf numFmtId="0" fontId="8" fillId="5" borderId="4" xfId="1" applyFont="1" applyFill="1" applyBorder="1" applyAlignment="1" applyProtection="1">
      <alignment horizontal="left" indent="1"/>
    </xf>
    <xf numFmtId="0" fontId="8" fillId="5" borderId="0" xfId="1" applyFont="1" applyFill="1" applyBorder="1" applyAlignment="1" applyProtection="1">
      <alignment horizontal="left" indent="1"/>
    </xf>
    <xf numFmtId="0" fontId="1" fillId="2" borderId="0" xfId="0" applyFont="1" applyFill="1" applyAlignment="1">
      <alignment horizontal="center"/>
    </xf>
    <xf numFmtId="0" fontId="6" fillId="0" borderId="0" xfId="0" applyFont="1" applyFill="1" applyBorder="1" applyAlignment="1">
      <alignment horizontal="left" vertical="center" wrapText="1"/>
    </xf>
    <xf numFmtId="0" fontId="6" fillId="0" borderId="0" xfId="0" applyFont="1" applyFill="1" applyBorder="1" applyAlignment="1">
      <alignment horizontal="left" wrapText="1"/>
    </xf>
    <xf numFmtId="0" fontId="8" fillId="5" borderId="4" xfId="1" applyFont="1" applyFill="1" applyBorder="1" applyAlignment="1" applyProtection="1">
      <alignment horizontal="left" wrapText="1" indent="1"/>
    </xf>
    <xf numFmtId="0" fontId="8" fillId="5" borderId="0" xfId="1" applyFont="1" applyFill="1" applyBorder="1" applyAlignment="1" applyProtection="1">
      <alignment horizontal="left" wrapText="1" indent="1"/>
    </xf>
    <xf numFmtId="0" fontId="8" fillId="5" borderId="5" xfId="1" applyFont="1" applyFill="1" applyBorder="1" applyAlignment="1" applyProtection="1">
      <alignment horizontal="left"/>
    </xf>
    <xf numFmtId="0" fontId="7" fillId="5" borderId="4" xfId="0" applyFont="1" applyFill="1" applyBorder="1" applyAlignment="1">
      <alignment horizontal="left" indent="1"/>
    </xf>
    <xf numFmtId="0" fontId="7" fillId="5" borderId="0" xfId="0" applyFont="1" applyFill="1" applyBorder="1" applyAlignment="1">
      <alignment horizontal="left" indent="1"/>
    </xf>
    <xf numFmtId="0" fontId="0" fillId="5" borderId="2" xfId="0" applyFill="1" applyBorder="1" applyAlignment="1">
      <alignment horizontal="left"/>
    </xf>
    <xf numFmtId="0" fontId="0" fillId="5" borderId="3" xfId="0" applyFill="1" applyBorder="1" applyAlignment="1">
      <alignment horizontal="left"/>
    </xf>
    <xf numFmtId="0" fontId="2" fillId="0" borderId="0" xfId="0" applyFont="1" applyFill="1" applyAlignment="1">
      <alignment horizontal="center"/>
    </xf>
    <xf numFmtId="0" fontId="3" fillId="2" borderId="0" xfId="0" applyFont="1" applyFill="1" applyAlignment="1">
      <alignment horizontal="center"/>
    </xf>
    <xf numFmtId="0" fontId="4" fillId="5" borderId="0" xfId="0" applyFont="1" applyFill="1" applyAlignment="1" applyProtection="1">
      <alignment horizontal="center"/>
    </xf>
    <xf numFmtId="0" fontId="7" fillId="5" borderId="0" xfId="0" applyFont="1" applyFill="1" applyBorder="1" applyAlignment="1">
      <alignment horizontal="left" vertical="top" wrapText="1"/>
    </xf>
    <xf numFmtId="0" fontId="6" fillId="2" borderId="0" xfId="0" applyFont="1" applyFill="1" applyAlignment="1">
      <alignment horizontal="left"/>
    </xf>
    <xf numFmtId="0" fontId="5" fillId="5" borderId="0" xfId="0" applyFont="1" applyFill="1" applyAlignment="1">
      <alignment horizontal="center"/>
    </xf>
    <xf numFmtId="0" fontId="6" fillId="2" borderId="0" xfId="0" applyFont="1" applyFill="1" applyAlignment="1">
      <alignment horizontal="left" vertical="center" wrapText="1"/>
    </xf>
    <xf numFmtId="0" fontId="0" fillId="0" borderId="0" xfId="0" applyAlignment="1">
      <alignment vertical="center"/>
    </xf>
    <xf numFmtId="0" fontId="6" fillId="5" borderId="4" xfId="0" applyFont="1" applyFill="1" applyBorder="1" applyAlignment="1">
      <alignment horizontal="left"/>
    </xf>
    <xf numFmtId="0" fontId="6" fillId="5" borderId="0" xfId="0" applyFont="1" applyFill="1" applyBorder="1" applyAlignment="1">
      <alignment horizontal="left"/>
    </xf>
    <xf numFmtId="0" fontId="7" fillId="5" borderId="4" xfId="0" applyFont="1" applyFill="1" applyBorder="1" applyAlignment="1" applyProtection="1">
      <alignment horizontal="left" indent="1"/>
    </xf>
    <xf numFmtId="0" fontId="7" fillId="5" borderId="0" xfId="0" applyFont="1" applyFill="1" applyBorder="1" applyAlignment="1" applyProtection="1">
      <alignment horizontal="left" indent="1"/>
    </xf>
    <xf numFmtId="0" fontId="0" fillId="5" borderId="0" xfId="0" applyFill="1" applyBorder="1" applyAlignment="1">
      <alignment horizontal="left"/>
    </xf>
    <xf numFmtId="164" fontId="7" fillId="2" borderId="0" xfId="0" applyNumberFormat="1" applyFont="1" applyFill="1" applyBorder="1" applyAlignment="1" applyProtection="1">
      <alignment horizontal="left"/>
      <protection locked="0"/>
    </xf>
    <xf numFmtId="164" fontId="7" fillId="2" borderId="5" xfId="0" applyNumberFormat="1" applyFont="1" applyFill="1" applyBorder="1" applyAlignment="1" applyProtection="1">
      <alignment horizontal="left"/>
      <protection locked="0"/>
    </xf>
    <xf numFmtId="0" fontId="6" fillId="2" borderId="0" xfId="0" applyFont="1" applyFill="1" applyBorder="1" applyAlignment="1">
      <alignment horizontal="left"/>
    </xf>
    <xf numFmtId="0" fontId="7" fillId="0" borderId="0" xfId="0" applyFont="1" applyBorder="1" applyAlignment="1" applyProtection="1">
      <alignment horizontal="left"/>
      <protection locked="0"/>
    </xf>
    <xf numFmtId="0" fontId="8" fillId="5" borderId="0" xfId="1" applyFont="1" applyFill="1" applyBorder="1" applyAlignment="1" applyProtection="1">
      <alignment horizontal="left" vertical="center"/>
    </xf>
    <xf numFmtId="0" fontId="7" fillId="5" borderId="0" xfId="0" applyFont="1" applyFill="1" applyBorder="1" applyAlignment="1">
      <alignment horizontal="left" vertical="center"/>
    </xf>
    <xf numFmtId="0" fontId="0" fillId="2" borderId="0" xfId="0" applyFill="1" applyAlignment="1">
      <alignment horizontal="center"/>
    </xf>
    <xf numFmtId="0" fontId="6" fillId="2" borderId="0" xfId="0" applyFont="1" applyFill="1" applyBorder="1" applyAlignment="1">
      <alignment horizontal="right" wrapText="1"/>
    </xf>
    <xf numFmtId="0" fontId="7" fillId="2" borderId="0" xfId="0" applyFont="1" applyFill="1" applyBorder="1" applyAlignment="1" applyProtection="1">
      <alignment horizontal="left"/>
      <protection locked="0"/>
    </xf>
    <xf numFmtId="164" fontId="7" fillId="0" borderId="0" xfId="0" applyNumberFormat="1" applyFont="1" applyBorder="1" applyAlignment="1" applyProtection="1">
      <alignment horizontal="left"/>
      <protection locked="0"/>
    </xf>
    <xf numFmtId="164" fontId="7" fillId="0" borderId="5" xfId="0" applyNumberFormat="1" applyFont="1" applyBorder="1" applyAlignment="1" applyProtection="1">
      <alignment horizontal="left"/>
      <protection locked="0"/>
    </xf>
    <xf numFmtId="0" fontId="5" fillId="2" borderId="0" xfId="0" applyFont="1" applyFill="1" applyAlignment="1" applyProtection="1">
      <alignment horizontal="center"/>
    </xf>
  </cellXfs>
  <cellStyles count="5">
    <cellStyle name="Comma 2" xfId="4"/>
    <cellStyle name="Currency 2" xfId="3"/>
    <cellStyle name="Hyperlink" xfId="1" builtinId="8"/>
    <cellStyle name="Normal" xfId="0" builtinId="0"/>
    <cellStyle name="Normal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1.xml"/></Relationships>
</file>

<file path=xl/drawings/_rels/drawing1.xml.rels><?xml version="1.0" encoding="UTF-8" standalone="yes"?>
<Relationships xmlns="http://schemas.openxmlformats.org/package/2006/relationships"><Relationship Id="rId8" Type="http://schemas.openxmlformats.org/officeDocument/2006/relationships/image" Target="../media/image8.png"/><Relationship Id="rId13" Type="http://schemas.openxmlformats.org/officeDocument/2006/relationships/image" Target="../media/image13.png"/><Relationship Id="rId18" Type="http://schemas.openxmlformats.org/officeDocument/2006/relationships/image" Target="../media/image18.png"/><Relationship Id="rId3" Type="http://schemas.openxmlformats.org/officeDocument/2006/relationships/image" Target="../media/image3.png"/><Relationship Id="rId21" Type="http://schemas.openxmlformats.org/officeDocument/2006/relationships/image" Target="../media/image21.png"/><Relationship Id="rId7" Type="http://schemas.openxmlformats.org/officeDocument/2006/relationships/image" Target="../media/image7.png"/><Relationship Id="rId12" Type="http://schemas.openxmlformats.org/officeDocument/2006/relationships/image" Target="../media/image12.png"/><Relationship Id="rId17" Type="http://schemas.openxmlformats.org/officeDocument/2006/relationships/image" Target="../media/image17.png"/><Relationship Id="rId2" Type="http://schemas.openxmlformats.org/officeDocument/2006/relationships/image" Target="../media/image2.png"/><Relationship Id="rId16" Type="http://schemas.openxmlformats.org/officeDocument/2006/relationships/image" Target="../media/image16.png"/><Relationship Id="rId20" Type="http://schemas.openxmlformats.org/officeDocument/2006/relationships/image" Target="../media/image20.png"/><Relationship Id="rId1" Type="http://schemas.openxmlformats.org/officeDocument/2006/relationships/image" Target="../media/image1.jpeg"/><Relationship Id="rId6" Type="http://schemas.openxmlformats.org/officeDocument/2006/relationships/image" Target="../media/image6.png"/><Relationship Id="rId11" Type="http://schemas.openxmlformats.org/officeDocument/2006/relationships/image" Target="../media/image11.png"/><Relationship Id="rId5" Type="http://schemas.openxmlformats.org/officeDocument/2006/relationships/image" Target="../media/image5.png"/><Relationship Id="rId15" Type="http://schemas.openxmlformats.org/officeDocument/2006/relationships/image" Target="../media/image15.png"/><Relationship Id="rId10" Type="http://schemas.openxmlformats.org/officeDocument/2006/relationships/image" Target="../media/image10.png"/><Relationship Id="rId19" Type="http://schemas.openxmlformats.org/officeDocument/2006/relationships/image" Target="../media/image19.png"/><Relationship Id="rId4" Type="http://schemas.openxmlformats.org/officeDocument/2006/relationships/image" Target="../media/image4.png"/><Relationship Id="rId9" Type="http://schemas.openxmlformats.org/officeDocument/2006/relationships/image" Target="../media/image9.png"/><Relationship Id="rId14" Type="http://schemas.openxmlformats.org/officeDocument/2006/relationships/image" Target="../media/image14.png"/></Relationships>
</file>

<file path=xl/drawings/_rels/drawing2.xml.rels><?xml version="1.0" encoding="UTF-8" standalone="yes"?>
<Relationships xmlns="http://schemas.openxmlformats.org/package/2006/relationships"><Relationship Id="rId1" Type="http://schemas.openxmlformats.org/officeDocument/2006/relationships/image" Target="../media/image22.png"/></Relationships>
</file>

<file path=xl/drawings/_rels/drawing3.xml.rels><?xml version="1.0" encoding="UTF-8" standalone="yes"?>
<Relationships xmlns="http://schemas.openxmlformats.org/package/2006/relationships"><Relationship Id="rId1" Type="http://schemas.openxmlformats.org/officeDocument/2006/relationships/image" Target="../media/image22.png"/></Relationships>
</file>

<file path=xl/drawings/drawing1.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xmlns="" val="0"/>
            </a:ext>
          </a:extLst>
        </a:blip>
        <a:srcRect/>
        <a:stretch>
          <a:fillRect/>
        </a:stretch>
      </xdr:blipFill>
      <xdr:spPr bwMode="auto">
        <a:xfrm>
          <a:off x="11804900" y="312391"/>
          <a:ext cx="1702522" cy="81689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3" name="Picture 2" descr="\\s004425\users\mwallace\Downloads\Red Gold_2015_Company.png"/>
        <xdr:cNvPicPr/>
      </xdr:nvPicPr>
      <xdr:blipFill>
        <a:blip xmlns:r="http://schemas.openxmlformats.org/officeDocument/2006/relationships" r:embed="rId2" cstate="print">
          <a:extLst>
            <a:ext uri="{28A0092B-C50C-407E-A947-70E740481C1C}">
              <a14:useLocalDpi xmlns:a14="http://schemas.microsoft.com/office/drawing/2010/main" xmlns=""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1196297</xdr:colOff>
      <xdr:row>4</xdr:row>
      <xdr:rowOff>36810</xdr:rowOff>
    </xdr:to>
    <xdr:pic>
      <xdr:nvPicPr>
        <xdr:cNvPr id="4" name="Picture 3" descr="\\s004425\users\mwallace\Downloads\RG_Logo_FullColor_Ketchup.png"/>
        <xdr:cNvPicPr/>
      </xdr:nvPicPr>
      <xdr:blipFill>
        <a:blip xmlns:r="http://schemas.openxmlformats.org/officeDocument/2006/relationships" r:embed="rId3" cstate="print">
          <a:extLst>
            <a:ext uri="{28A0092B-C50C-407E-A947-70E740481C1C}">
              <a14:useLocalDpi xmlns:a14="http://schemas.microsoft.com/office/drawing/2010/main" xmlns="" val="0"/>
            </a:ext>
          </a:extLst>
        </a:blip>
        <a:srcRect/>
        <a:stretch>
          <a:fillRect/>
        </a:stretch>
      </xdr:blipFill>
      <xdr:spPr bwMode="auto">
        <a:xfrm>
          <a:off x="9592300" y="200847"/>
          <a:ext cx="2132297" cy="84561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5" name="Picture 4" descr="C:\Users\mwallace\AppData\Local\Microsoft\Windows\Temporary Internet Files\Content.IE5\AWR54ZAE\HuyFong_logo_red.png"/>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xmlns="" val="0"/>
            </a:ext>
          </a:extLst>
        </a:blip>
        <a:srcRect/>
        <a:stretch>
          <a:fillRect/>
        </a:stretch>
      </xdr:blipFill>
      <xdr:spPr bwMode="auto">
        <a:xfrm>
          <a:off x="13591958" y="102245"/>
          <a:ext cx="842907" cy="958149"/>
        </a:xfrm>
        <a:prstGeom prst="rect">
          <a:avLst/>
        </a:prstGeom>
        <a:noFill/>
        <a:extLst>
          <a:ext uri="{909E8E84-426E-40DD-AFC4-6F175D3DCCD1}">
            <a14:hiddenFill xmlns:a14="http://schemas.microsoft.com/office/drawing/2010/main" xmlns="">
              <a:solidFill>
                <a:srgbClr val="FFFFFF"/>
              </a:solidFill>
            </a14:hiddenFill>
          </a:ext>
        </a:extLst>
      </xdr:spPr>
    </xdr:pic>
    <xdr:clientData/>
  </xdr:twoCellAnchor>
  <xdr:twoCellAnchor editAs="oneCell">
    <xdr:from>
      <xdr:col>11</xdr:col>
      <xdr:colOff>819060</xdr:colOff>
      <xdr:row>1</xdr:row>
      <xdr:rowOff>192032</xdr:rowOff>
    </xdr:from>
    <xdr:to>
      <xdr:col>12</xdr:col>
      <xdr:colOff>736233</xdr:colOff>
      <xdr:row>3</xdr:row>
      <xdr:rowOff>281185</xdr:rowOff>
    </xdr:to>
    <xdr:pic>
      <xdr:nvPicPr>
        <xdr:cNvPr id="6" name="Picture 5"/>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xmlns="" val="0"/>
            </a:ext>
          </a:extLst>
        </a:blip>
        <a:stretch>
          <a:fillRect/>
        </a:stretch>
      </xdr:blipFill>
      <xdr:spPr>
        <a:xfrm>
          <a:off x="14700160" y="287282"/>
          <a:ext cx="1015723" cy="711453"/>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7" name="Picture 6"/>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xmlns="" val="0"/>
            </a:ext>
          </a:extLst>
        </a:blip>
        <a:stretch>
          <a:fillRect/>
        </a:stretch>
      </xdr:blipFill>
      <xdr:spPr>
        <a:xfrm>
          <a:off x="2187989" y="297713"/>
          <a:ext cx="1098717" cy="77635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8" name="Picture 7"/>
        <xdr:cNvPicPr>
          <a:picLocks noChangeAspect="1"/>
        </xdr:cNvPicPr>
      </xdr:nvPicPr>
      <xdr:blipFill>
        <a:blip xmlns:r="http://schemas.openxmlformats.org/officeDocument/2006/relationships" r:embed="rId7" cstate="print"/>
        <a:stretch>
          <a:fillRect/>
        </a:stretch>
      </xdr:blipFill>
      <xdr:spPr>
        <a:xfrm>
          <a:off x="8718825" y="130966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9" name="Picture 8"/>
        <xdr:cNvPicPr>
          <a:picLocks noChangeAspect="1"/>
        </xdr:cNvPicPr>
      </xdr:nvPicPr>
      <xdr:blipFill>
        <a:blip xmlns:r="http://schemas.openxmlformats.org/officeDocument/2006/relationships" r:embed="rId8" cstate="print"/>
        <a:stretch>
          <a:fillRect/>
        </a:stretch>
      </xdr:blipFill>
      <xdr:spPr>
        <a:xfrm>
          <a:off x="1847481" y="2928271"/>
          <a:ext cx="286432" cy="220639"/>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0" name="Picture 9"/>
        <xdr:cNvPicPr>
          <a:picLocks noChangeAspect="1"/>
        </xdr:cNvPicPr>
      </xdr:nvPicPr>
      <xdr:blipFill>
        <a:blip xmlns:r="http://schemas.openxmlformats.org/officeDocument/2006/relationships" r:embed="rId9" cstate="print"/>
        <a:stretch>
          <a:fillRect/>
        </a:stretch>
      </xdr:blipFill>
      <xdr:spPr>
        <a:xfrm>
          <a:off x="1880243" y="3633764"/>
          <a:ext cx="269068" cy="207387"/>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1" name="Picture 10"/>
        <xdr:cNvPicPr>
          <a:picLocks noChangeAspect="1"/>
        </xdr:cNvPicPr>
      </xdr:nvPicPr>
      <xdr:blipFill>
        <a:blip xmlns:r="http://schemas.openxmlformats.org/officeDocument/2006/relationships" r:embed="rId10" cstate="print"/>
        <a:stretch>
          <a:fillRect/>
        </a:stretch>
      </xdr:blipFill>
      <xdr:spPr>
        <a:xfrm>
          <a:off x="1903803" y="4357663"/>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2" name="Picture 11"/>
        <xdr:cNvPicPr>
          <a:picLocks noChangeAspect="1"/>
        </xdr:cNvPicPr>
      </xdr:nvPicPr>
      <xdr:blipFill>
        <a:blip xmlns:r="http://schemas.openxmlformats.org/officeDocument/2006/relationships" r:embed="rId11" cstate="print"/>
        <a:stretch>
          <a:fillRect/>
        </a:stretch>
      </xdr:blipFill>
      <xdr:spPr>
        <a:xfrm>
          <a:off x="1908957" y="5024323"/>
          <a:ext cx="258455" cy="199286"/>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3" name="Picture 12"/>
        <xdr:cNvPicPr>
          <a:picLocks noChangeAspect="1"/>
        </xdr:cNvPicPr>
      </xdr:nvPicPr>
      <xdr:blipFill>
        <a:blip xmlns:r="http://schemas.openxmlformats.org/officeDocument/2006/relationships" r:embed="rId10" cstate="print"/>
        <a:stretch>
          <a:fillRect/>
        </a:stretch>
      </xdr:blipFill>
      <xdr:spPr>
        <a:xfrm>
          <a:off x="1932517" y="5304459"/>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4" name="Picture 13"/>
        <xdr:cNvPicPr>
          <a:picLocks noChangeAspect="1"/>
        </xdr:cNvPicPr>
      </xdr:nvPicPr>
      <xdr:blipFill>
        <a:blip xmlns:r="http://schemas.openxmlformats.org/officeDocument/2006/relationships" r:embed="rId12" cstate="print"/>
        <a:stretch>
          <a:fillRect/>
        </a:stretch>
      </xdr:blipFill>
      <xdr:spPr>
        <a:xfrm>
          <a:off x="1910062" y="552546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5" name="Picture 14"/>
        <xdr:cNvPicPr>
          <a:picLocks noChangeAspect="1"/>
        </xdr:cNvPicPr>
      </xdr:nvPicPr>
      <xdr:blipFill>
        <a:blip xmlns:r="http://schemas.openxmlformats.org/officeDocument/2006/relationships" r:embed="rId13" cstate="print"/>
        <a:stretch>
          <a:fillRect/>
        </a:stretch>
      </xdr:blipFill>
      <xdr:spPr>
        <a:xfrm>
          <a:off x="1911902" y="6134030"/>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6" name="Picture 15"/>
        <xdr:cNvPicPr>
          <a:picLocks noChangeAspect="1"/>
        </xdr:cNvPicPr>
      </xdr:nvPicPr>
      <xdr:blipFill>
        <a:blip xmlns:r="http://schemas.openxmlformats.org/officeDocument/2006/relationships" r:embed="rId14" cstate="print"/>
        <a:stretch>
          <a:fillRect/>
        </a:stretch>
      </xdr:blipFill>
      <xdr:spPr>
        <a:xfrm>
          <a:off x="1907853" y="6408071"/>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17" name="Picture 16"/>
        <xdr:cNvPicPr>
          <a:picLocks noChangeAspect="1"/>
        </xdr:cNvPicPr>
      </xdr:nvPicPr>
      <xdr:blipFill>
        <a:blip xmlns:r="http://schemas.openxmlformats.org/officeDocument/2006/relationships" r:embed="rId15" cstate="print"/>
        <a:stretch>
          <a:fillRect/>
        </a:stretch>
      </xdr:blipFill>
      <xdr:spPr>
        <a:xfrm>
          <a:off x="1913006" y="6630964"/>
          <a:ext cx="260072" cy="200521"/>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18" name="Picture 17"/>
        <xdr:cNvPicPr>
          <a:picLocks noChangeAspect="1"/>
        </xdr:cNvPicPr>
      </xdr:nvPicPr>
      <xdr:blipFill>
        <a:blip xmlns:r="http://schemas.openxmlformats.org/officeDocument/2006/relationships" r:embed="rId15" cstate="print"/>
        <a:stretch>
          <a:fillRect/>
        </a:stretch>
      </xdr:blipFill>
      <xdr:spPr>
        <a:xfrm>
          <a:off x="1918160" y="6877480"/>
          <a:ext cx="260626" cy="200944"/>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19" name="Picture 18"/>
        <xdr:cNvPicPr>
          <a:picLocks noChangeAspect="1"/>
        </xdr:cNvPicPr>
      </xdr:nvPicPr>
      <xdr:blipFill>
        <a:blip xmlns:r="http://schemas.openxmlformats.org/officeDocument/2006/relationships" r:embed="rId13" cstate="print"/>
        <a:stretch>
          <a:fillRect/>
        </a:stretch>
      </xdr:blipFill>
      <xdr:spPr>
        <a:xfrm>
          <a:off x="1930308" y="7097470"/>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0" name="Picture 19"/>
        <xdr:cNvPicPr>
          <a:picLocks noChangeAspect="1"/>
        </xdr:cNvPicPr>
      </xdr:nvPicPr>
      <xdr:blipFill>
        <a:blip xmlns:r="http://schemas.openxmlformats.org/officeDocument/2006/relationships" r:embed="rId16" cstate="print"/>
        <a:stretch>
          <a:fillRect/>
        </a:stretch>
      </xdr:blipFill>
      <xdr:spPr>
        <a:xfrm>
          <a:off x="1907853" y="734785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1" name="Picture 20"/>
        <xdr:cNvPicPr>
          <a:picLocks noChangeAspect="1"/>
        </xdr:cNvPicPr>
      </xdr:nvPicPr>
      <xdr:blipFill>
        <a:blip xmlns:r="http://schemas.openxmlformats.org/officeDocument/2006/relationships" r:embed="rId17" cstate="print"/>
        <a:stretch>
          <a:fillRect/>
        </a:stretch>
      </xdr:blipFill>
      <xdr:spPr>
        <a:xfrm>
          <a:off x="1940615" y="7577759"/>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2" name="Picture 21"/>
        <xdr:cNvPicPr>
          <a:picLocks noChangeAspect="1"/>
        </xdr:cNvPicPr>
      </xdr:nvPicPr>
      <xdr:blipFill>
        <a:blip xmlns:r="http://schemas.openxmlformats.org/officeDocument/2006/relationships" r:embed="rId18" cstate="print"/>
        <a:stretch>
          <a:fillRect/>
        </a:stretch>
      </xdr:blipFill>
      <xdr:spPr>
        <a:xfrm>
          <a:off x="1918160" y="7788723"/>
          <a:ext cx="233017" cy="179871"/>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3" name="Picture 22"/>
        <xdr:cNvPicPr>
          <a:picLocks noChangeAspect="1"/>
        </xdr:cNvPicPr>
      </xdr:nvPicPr>
      <xdr:blipFill>
        <a:blip xmlns:r="http://schemas.openxmlformats.org/officeDocument/2006/relationships" r:embed="rId19" cstate="print"/>
        <a:stretch>
          <a:fillRect/>
        </a:stretch>
      </xdr:blipFill>
      <xdr:spPr>
        <a:xfrm>
          <a:off x="1914111" y="8060027"/>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4" name="Picture 23"/>
        <xdr:cNvPicPr>
          <a:picLocks noChangeAspect="1"/>
        </xdr:cNvPicPr>
      </xdr:nvPicPr>
      <xdr:blipFill>
        <a:blip xmlns:r="http://schemas.openxmlformats.org/officeDocument/2006/relationships" r:embed="rId20" cstate="print"/>
        <a:stretch>
          <a:fillRect/>
        </a:stretch>
      </xdr:blipFill>
      <xdr:spPr>
        <a:xfrm>
          <a:off x="1910061" y="8283253"/>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5" name="Picture 24"/>
        <xdr:cNvPicPr>
          <a:picLocks noChangeAspect="1"/>
        </xdr:cNvPicPr>
      </xdr:nvPicPr>
      <xdr:blipFill>
        <a:blip xmlns:r="http://schemas.openxmlformats.org/officeDocument/2006/relationships" r:embed="rId21" cstate="print"/>
        <a:stretch>
          <a:fillRect/>
        </a:stretch>
      </xdr:blipFill>
      <xdr:spPr>
        <a:xfrm>
          <a:off x="1893496" y="9668474"/>
          <a:ext cx="245602" cy="189477"/>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6" name="Picture 25"/>
        <xdr:cNvPicPr>
          <a:picLocks noChangeAspect="1"/>
        </xdr:cNvPicPr>
      </xdr:nvPicPr>
      <xdr:blipFill>
        <a:blip xmlns:r="http://schemas.openxmlformats.org/officeDocument/2006/relationships" r:embed="rId21" cstate="print"/>
        <a:stretch>
          <a:fillRect/>
        </a:stretch>
      </xdr:blipFill>
      <xdr:spPr>
        <a:xfrm>
          <a:off x="1898650" y="9942536"/>
          <a:ext cx="245602" cy="189476"/>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27" name="Picture 26"/>
        <xdr:cNvPicPr>
          <a:picLocks noChangeAspect="1"/>
        </xdr:cNvPicPr>
      </xdr:nvPicPr>
      <xdr:blipFill>
        <a:blip xmlns:r="http://schemas.openxmlformats.org/officeDocument/2006/relationships" r:embed="rId20" cstate="print"/>
        <a:stretch>
          <a:fillRect/>
        </a:stretch>
      </xdr:blipFill>
      <xdr:spPr>
        <a:xfrm>
          <a:off x="1931412" y="10347463"/>
          <a:ext cx="245602" cy="187452"/>
        </a:xfrm>
        <a:prstGeom prst="rect">
          <a:avLst/>
        </a:prstGeom>
      </xdr:spPr>
    </xdr:pic>
    <xdr:clientData/>
  </xdr:twoCellAnchor>
  <xdr:twoCellAnchor editAs="oneCell">
    <xdr:from>
      <xdr:col>4</xdr:col>
      <xdr:colOff>162708</xdr:colOff>
      <xdr:row>42</xdr:row>
      <xdr:rowOff>61475</xdr:rowOff>
    </xdr:from>
    <xdr:to>
      <xdr:col>4</xdr:col>
      <xdr:colOff>408310</xdr:colOff>
      <xdr:row>43</xdr:row>
      <xdr:rowOff>9652</xdr:rowOff>
    </xdr:to>
    <xdr:pic>
      <xdr:nvPicPr>
        <xdr:cNvPr id="28" name="Picture 27"/>
        <xdr:cNvPicPr>
          <a:picLocks noChangeAspect="1"/>
        </xdr:cNvPicPr>
      </xdr:nvPicPr>
      <xdr:blipFill>
        <a:blip xmlns:r="http://schemas.openxmlformats.org/officeDocument/2006/relationships" r:embed="rId21" cstate="print"/>
        <a:stretch>
          <a:fillRect/>
        </a:stretch>
      </xdr:blipFill>
      <xdr:spPr>
        <a:xfrm>
          <a:off x="1908958" y="10862825"/>
          <a:ext cx="245602" cy="189477"/>
        </a:xfrm>
        <a:prstGeom prst="rect">
          <a:avLst/>
        </a:prstGeom>
      </xdr:spPr>
    </xdr:pic>
    <xdr:clientData/>
  </xdr:twoCellAnchor>
  <xdr:twoCellAnchor editAs="oneCell">
    <xdr:from>
      <xdr:col>4</xdr:col>
      <xdr:colOff>195470</xdr:colOff>
      <xdr:row>45</xdr:row>
      <xdr:rowOff>66629</xdr:rowOff>
    </xdr:from>
    <xdr:to>
      <xdr:col>4</xdr:col>
      <xdr:colOff>441072</xdr:colOff>
      <xdr:row>46</xdr:row>
      <xdr:rowOff>14806</xdr:rowOff>
    </xdr:to>
    <xdr:pic>
      <xdr:nvPicPr>
        <xdr:cNvPr id="29" name="Picture 28"/>
        <xdr:cNvPicPr>
          <a:picLocks noChangeAspect="1"/>
        </xdr:cNvPicPr>
      </xdr:nvPicPr>
      <xdr:blipFill>
        <a:blip xmlns:r="http://schemas.openxmlformats.org/officeDocument/2006/relationships" r:embed="rId21" cstate="print"/>
        <a:stretch>
          <a:fillRect/>
        </a:stretch>
      </xdr:blipFill>
      <xdr:spPr>
        <a:xfrm>
          <a:off x="1941720" y="11591879"/>
          <a:ext cx="245602" cy="189477"/>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oneCellAnchor>
    <xdr:from>
      <xdr:col>1</xdr:col>
      <xdr:colOff>139700</xdr:colOff>
      <xdr:row>0</xdr:row>
      <xdr:rowOff>101600</xdr:rowOff>
    </xdr:from>
    <xdr:ext cx="3716867" cy="1443567"/>
    <xdr:pic>
      <xdr:nvPicPr>
        <xdr:cNvPr id="2" name="Picture 1" descr="\\s004425\users\mwallace\Downloads\Red Gold_2015_Company.png"/>
        <xdr:cNvPicPr/>
      </xdr:nvPicPr>
      <xdr:blipFill>
        <a:blip xmlns:r="http://schemas.openxmlformats.org/officeDocument/2006/relationships" r:embed="rId1" cstate="print">
          <a:extLst>
            <a:ext uri="{28A0092B-C50C-407E-A947-70E740481C1C}">
              <a14:useLocalDpi xmlns:a14="http://schemas.microsoft.com/office/drawing/2010/main" xmlns="" val="0"/>
            </a:ext>
          </a:extLst>
        </a:blip>
        <a:srcRect/>
        <a:stretch>
          <a:fillRect/>
        </a:stretch>
      </xdr:blipFill>
      <xdr:spPr bwMode="auto">
        <a:xfrm>
          <a:off x="749300" y="101600"/>
          <a:ext cx="3716867" cy="1443567"/>
        </a:xfrm>
        <a:prstGeom prst="rect">
          <a:avLst/>
        </a:prstGeom>
        <a:noFill/>
        <a:ln>
          <a:noFill/>
        </a:ln>
      </xdr:spPr>
    </xdr:pic>
    <xdr:clientData/>
  </xdr:oneCellAnchor>
</xdr:wsDr>
</file>

<file path=xl/drawings/drawing3.xml><?xml version="1.0" encoding="utf-8"?>
<xdr:wsDr xmlns:xdr="http://schemas.openxmlformats.org/drawingml/2006/spreadsheetDrawing" xmlns:a="http://schemas.openxmlformats.org/drawingml/2006/main">
  <xdr:twoCellAnchor editAs="oneCell">
    <xdr:from>
      <xdr:col>1</xdr:col>
      <xdr:colOff>38100</xdr:colOff>
      <xdr:row>0</xdr:row>
      <xdr:rowOff>152400</xdr:rowOff>
    </xdr:from>
    <xdr:to>
      <xdr:col>5</xdr:col>
      <xdr:colOff>317500</xdr:colOff>
      <xdr:row>5</xdr:row>
      <xdr:rowOff>38100</xdr:rowOff>
    </xdr:to>
    <xdr:pic>
      <xdr:nvPicPr>
        <xdr:cNvPr id="2" name="Picture 1" descr="\\s004425\users\mwallace\Downloads\Red Gold_2015_Company.png"/>
        <xdr:cNvPicPr/>
      </xdr:nvPicPr>
      <xdr:blipFill>
        <a:blip xmlns:r="http://schemas.openxmlformats.org/officeDocument/2006/relationships" r:embed="rId1" cstate="print">
          <a:extLst>
            <a:ext uri="{28A0092B-C50C-407E-A947-70E740481C1C}">
              <a14:useLocalDpi xmlns:a14="http://schemas.microsoft.com/office/drawing/2010/main" xmlns="" val="0"/>
            </a:ext>
          </a:extLst>
        </a:blip>
        <a:srcRect/>
        <a:stretch>
          <a:fillRect/>
        </a:stretch>
      </xdr:blipFill>
      <xdr:spPr bwMode="auto">
        <a:xfrm>
          <a:off x="304800" y="152400"/>
          <a:ext cx="3714750" cy="1435100"/>
        </a:xfrm>
        <a:prstGeom prst="rect">
          <a:avLst/>
        </a:prstGeom>
        <a:noFill/>
        <a:ln>
          <a:noFill/>
        </a:ln>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christa.BFS\AppData\Local\Microsoft\Windows\Temporary%20Internet%20Files\Content.Outlook\JUC7P5ME\COMMODITY%20PROCESSING%20CALCULATOR%20SY18-19%20MASTER%20FILE%20VERSION%2011.29.17.xlsx" TargetMode="External"/></Relationships>
</file>

<file path=xl/externalLinks/externalLink1.xml><?xml version="1.0" encoding="utf-8"?>
<externalLink xmlns="http://schemas.openxmlformats.org/spreadsheetml/2006/main">
  <externalBook xmlns:r="http://schemas.openxmlformats.org/officeDocument/2006/relationships" r:id="rId1">
    <sheetNames>
      <sheetName val="SY 18-19 CALCULATOR RG BRAND"/>
      <sheetName val="GENERAL INFORMATION NOI"/>
      <sheetName val="GENERAL INFORMATION NOT NOI"/>
      <sheetName val="GENERIC GENERAL INTRODUCTION"/>
      <sheetName val="ELIGIBLE DISTRIBUTOR BRANDS"/>
      <sheetName val="#1-B RED GOLD &amp; DISTR SY 09-10"/>
      <sheetName val="#1-B alt. RG Brands SY 09-10"/>
      <sheetName val="SY 18-19 REBATE REQUEST FORM"/>
      <sheetName val="Ebate Enrollment Form"/>
      <sheetName val="EBATE DISTRI. AGREEMENT "/>
      <sheetName val="South Carolina SY 18-19"/>
    </sheetNames>
    <sheetDataSet>
      <sheetData sheetId="0">
        <row r="2">
          <cell r="W2">
            <v>0.41049999999999998</v>
          </cell>
        </row>
        <row r="3">
          <cell r="W3" t="str">
            <v>2018/2019</v>
          </cell>
        </row>
        <row r="4">
          <cell r="W4">
            <v>39900</v>
          </cell>
        </row>
        <row r="5">
          <cell r="W5" t="str">
            <v>12/01/2017</v>
          </cell>
        </row>
        <row r="17">
          <cell r="V17" t="str">
            <v>The Pass Thru Value (PTV) or NOI (Net Off Invoice) discount amount has been determined based on the quantity of tomato paste in the products being offered under this program. 100332 values quoted for the SY2018/2019 were provided by FNS via the 12/01/2017 NMPA notification @ $0.4105 per pound or $16,378.95 per truckload of paste. The corresponding Pass Through Value Discount per case for each product is indicated above.</v>
          </cell>
        </row>
        <row r="61">
          <cell r="C61" t="str">
            <v>NOTE 1:  USDA WBSCM Item Code 100332 / Tomato Paste For Bulk Processing.</v>
          </cell>
        </row>
      </sheetData>
      <sheetData sheetId="1" refreshError="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8" Type="http://schemas.openxmlformats.org/officeDocument/2006/relationships/hyperlink" Target="mailto:mwilliams@redgold.com" TargetMode="External"/><Relationship Id="rId3" Type="http://schemas.openxmlformats.org/officeDocument/2006/relationships/hyperlink" Target="http://www.k12tomatoes.com/" TargetMode="External"/><Relationship Id="rId7" Type="http://schemas.openxmlformats.org/officeDocument/2006/relationships/hyperlink" Target="mailto:jponder@redgold.com" TargetMode="External"/><Relationship Id="rId2" Type="http://schemas.openxmlformats.org/officeDocument/2006/relationships/hyperlink" Target="http://www.redgold.com/red-gold-company/foodservice/k-12-school-program" TargetMode="External"/><Relationship Id="rId1" Type="http://schemas.openxmlformats.org/officeDocument/2006/relationships/hyperlink" Target="mailto:jbatten@redgold.com" TargetMode="External"/><Relationship Id="rId6" Type="http://schemas.openxmlformats.org/officeDocument/2006/relationships/hyperlink" Target="http://www.redgold.com/red-gold-company/foodservice/k-12-school-program" TargetMode="External"/><Relationship Id="rId5" Type="http://schemas.openxmlformats.org/officeDocument/2006/relationships/hyperlink" Target="mailto:tholmes@redgold.com" TargetMode="External"/><Relationship Id="rId10" Type="http://schemas.openxmlformats.org/officeDocument/2006/relationships/drawing" Target="../drawings/drawing2.xml"/><Relationship Id="rId4" Type="http://schemas.openxmlformats.org/officeDocument/2006/relationships/hyperlink" Target="mailto:jchaffin@redgold.com" TargetMode="External"/><Relationship Id="rId9"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hyperlink" Target="mailto:mwilliams@redgold.com" TargetMode="External"/><Relationship Id="rId3" Type="http://schemas.openxmlformats.org/officeDocument/2006/relationships/hyperlink" Target="http://www.k12tomatoes.com/" TargetMode="External"/><Relationship Id="rId7" Type="http://schemas.openxmlformats.org/officeDocument/2006/relationships/hyperlink" Target="mailto:jponder@redgold.com" TargetMode="External"/><Relationship Id="rId2" Type="http://schemas.openxmlformats.org/officeDocument/2006/relationships/hyperlink" Target="http://www.redgold.com/red-gold-company/foodservice/k-12-school-program" TargetMode="External"/><Relationship Id="rId1" Type="http://schemas.openxmlformats.org/officeDocument/2006/relationships/hyperlink" Target="mailto:jbatten@redgold.com" TargetMode="External"/><Relationship Id="rId6" Type="http://schemas.openxmlformats.org/officeDocument/2006/relationships/hyperlink" Target="http://www.redgold.com/red-gold-company/foodservice/k-12-school-program" TargetMode="External"/><Relationship Id="rId5" Type="http://schemas.openxmlformats.org/officeDocument/2006/relationships/hyperlink" Target="mailto:tholmes@redgold.com" TargetMode="External"/><Relationship Id="rId10" Type="http://schemas.openxmlformats.org/officeDocument/2006/relationships/drawing" Target="../drawings/drawing3.xml"/><Relationship Id="rId4" Type="http://schemas.openxmlformats.org/officeDocument/2006/relationships/hyperlink" Target="mailto:jchaffin@redgold.com" TargetMode="External"/><Relationship Id="rId9"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sheetPr>
    <pageSetUpPr fitToPage="1"/>
  </sheetPr>
  <dimension ref="A1:AK67"/>
  <sheetViews>
    <sheetView tabSelected="1" zoomScale="69" zoomScaleNormal="69" zoomScaleSheetLayoutView="75" workbookViewId="0">
      <selection activeCell="N56" sqref="N56"/>
    </sheetView>
  </sheetViews>
  <sheetFormatPr defaultColWidth="9.140625" defaultRowHeight="12.75"/>
  <cols>
    <col min="1" max="1" width="1" style="71" customWidth="1"/>
    <col min="2" max="2" width="29.42578125" style="157" hidden="1" customWidth="1"/>
    <col min="3" max="3" width="10.85546875" style="158" customWidth="1"/>
    <col min="4" max="4" width="13.140625" style="158" customWidth="1"/>
    <col min="5" max="5" width="13" style="158" bestFit="1" customWidth="1"/>
    <col min="6" max="6" width="11.5703125" style="71" bestFit="1" customWidth="1"/>
    <col min="7" max="7" width="10.42578125" style="71" customWidth="1"/>
    <col min="8" max="8" width="90.7109375" style="71" customWidth="1"/>
    <col min="9" max="9" width="17.85546875" style="71" customWidth="1"/>
    <col min="10" max="10" width="17.42578125" style="70" customWidth="1"/>
    <col min="11" max="11" width="12.7109375" style="71" bestFit="1" customWidth="1"/>
    <col min="12" max="12" width="15.7109375" style="71" customWidth="1"/>
    <col min="13" max="13" width="13" style="71" customWidth="1"/>
    <col min="14" max="14" width="11" style="71" customWidth="1"/>
    <col min="15" max="15" width="14.42578125" style="182" bestFit="1" customWidth="1"/>
    <col min="16" max="16" width="14" style="71" customWidth="1"/>
    <col min="17" max="17" width="14.42578125" style="182" bestFit="1" customWidth="1"/>
    <col min="18" max="18" width="1.140625" style="71" customWidth="1"/>
    <col min="19" max="19" width="11.5703125" style="183" customWidth="1"/>
    <col min="20" max="20" width="13.5703125" style="183" customWidth="1"/>
    <col min="21" max="21" width="9.140625" style="67"/>
    <col min="22" max="22" width="9.140625" style="68"/>
    <col min="23" max="23" width="11.5703125" style="68" bestFit="1" customWidth="1"/>
    <col min="24" max="32" width="9.140625" style="68"/>
    <col min="33" max="33" width="9.140625" style="69"/>
    <col min="34" max="37" width="9.140625" style="70"/>
    <col min="38" max="16384" width="9.140625" style="71"/>
  </cols>
  <sheetData>
    <row r="1" spans="1:37" ht="7.5" customHeight="1" thickBot="1">
      <c r="A1" s="61">
        <v>65</v>
      </c>
      <c r="B1" s="62"/>
      <c r="C1" s="202"/>
      <c r="D1" s="202"/>
      <c r="E1" s="202"/>
      <c r="F1" s="203"/>
      <c r="G1" s="203"/>
      <c r="H1" s="203"/>
      <c r="I1" s="159"/>
      <c r="J1" s="204"/>
      <c r="K1" s="159"/>
      <c r="L1" s="159"/>
      <c r="M1" s="159"/>
      <c r="N1" s="63"/>
      <c r="O1" s="64" t="s">
        <v>36</v>
      </c>
      <c r="P1" s="63"/>
      <c r="Q1" s="65"/>
      <c r="R1" s="63"/>
      <c r="S1" s="66"/>
      <c r="T1" s="66"/>
    </row>
    <row r="2" spans="1:37" ht="27.75" customHeight="1" thickBot="1">
      <c r="A2" s="184"/>
      <c r="B2" s="185"/>
      <c r="C2" s="202"/>
      <c r="D2" s="202"/>
      <c r="E2" s="202"/>
      <c r="F2" s="203"/>
      <c r="G2" s="279" t="str">
        <f>("SCHOOL YEAR "&amp;School_Year)</f>
        <v>SCHOOL YEAR 2018/2019</v>
      </c>
      <c r="H2" s="280"/>
      <c r="I2" s="205"/>
      <c r="J2" s="204"/>
      <c r="K2" s="206"/>
      <c r="L2" s="206"/>
      <c r="M2" s="206"/>
      <c r="N2" s="281" t="s">
        <v>47</v>
      </c>
      <c r="O2" s="282"/>
      <c r="P2" s="282"/>
      <c r="Q2" s="283"/>
      <c r="R2" s="73"/>
      <c r="S2" s="66"/>
      <c r="T2" s="66"/>
      <c r="V2" s="68" t="s">
        <v>48</v>
      </c>
      <c r="W2" s="74">
        <v>0.41049999999999998</v>
      </c>
    </row>
    <row r="3" spans="1:37" ht="21.75" customHeight="1" thickBot="1">
      <c r="A3" s="184"/>
      <c r="B3" s="185"/>
      <c r="C3" s="202"/>
      <c r="D3" s="202"/>
      <c r="E3" s="202"/>
      <c r="F3" s="203"/>
      <c r="G3" s="284" t="s">
        <v>0</v>
      </c>
      <c r="H3" s="284"/>
      <c r="I3" s="206"/>
      <c r="J3" s="207"/>
      <c r="K3" s="206"/>
      <c r="L3" s="206"/>
      <c r="M3" s="206"/>
      <c r="N3" s="63"/>
      <c r="O3" s="64"/>
      <c r="P3" s="72"/>
      <c r="Q3" s="75"/>
      <c r="R3" s="73"/>
      <c r="S3" s="66"/>
      <c r="T3" s="66"/>
      <c r="V3" s="68" t="s">
        <v>49</v>
      </c>
      <c r="W3" s="68" t="s">
        <v>50</v>
      </c>
    </row>
    <row r="4" spans="1:37" ht="23.25" customHeight="1" thickBot="1">
      <c r="A4" s="184"/>
      <c r="B4" s="185"/>
      <c r="C4" s="202"/>
      <c r="D4" s="202"/>
      <c r="E4" s="202"/>
      <c r="F4" s="203"/>
      <c r="G4" s="285" t="s">
        <v>1</v>
      </c>
      <c r="H4" s="285"/>
      <c r="I4" s="76"/>
      <c r="J4" s="76"/>
      <c r="K4" s="76"/>
      <c r="L4" s="76"/>
      <c r="M4" s="76"/>
      <c r="N4" s="286" t="s">
        <v>51</v>
      </c>
      <c r="O4" s="287"/>
      <c r="P4" s="287"/>
      <c r="Q4" s="288"/>
      <c r="R4" s="77"/>
      <c r="S4" s="66"/>
      <c r="T4" s="66"/>
      <c r="V4" s="68" t="s">
        <v>52</v>
      </c>
      <c r="W4" s="78">
        <v>39900</v>
      </c>
    </row>
    <row r="5" spans="1:37" s="86" customFormat="1" ht="20.100000000000001" customHeight="1" thickBot="1">
      <c r="A5" s="186"/>
      <c r="B5" s="187"/>
      <c r="C5" s="208"/>
      <c r="D5" s="208"/>
      <c r="E5" s="208"/>
      <c r="F5" s="209"/>
      <c r="G5" s="210"/>
      <c r="H5" s="211" t="s">
        <v>36</v>
      </c>
      <c r="I5" s="212"/>
      <c r="J5" s="213"/>
      <c r="K5" s="212"/>
      <c r="L5" s="212"/>
      <c r="M5" s="212"/>
      <c r="N5" s="289" t="s">
        <v>53</v>
      </c>
      <c r="O5" s="290"/>
      <c r="P5" s="289" t="s">
        <v>54</v>
      </c>
      <c r="Q5" s="290"/>
      <c r="R5" s="79"/>
      <c r="S5" s="80"/>
      <c r="T5" s="80"/>
      <c r="U5" s="81"/>
      <c r="V5" s="68" t="s">
        <v>55</v>
      </c>
      <c r="W5" s="82" t="s">
        <v>56</v>
      </c>
      <c r="X5" s="83"/>
      <c r="Y5" s="83"/>
      <c r="Z5" s="83"/>
      <c r="AA5" s="83"/>
      <c r="AB5" s="83"/>
      <c r="AC5" s="83"/>
      <c r="AD5" s="83"/>
      <c r="AE5" s="83"/>
      <c r="AF5" s="83"/>
      <c r="AG5" s="84"/>
      <c r="AH5" s="85"/>
      <c r="AI5" s="85"/>
      <c r="AJ5" s="85"/>
      <c r="AK5" s="85"/>
    </row>
    <row r="6" spans="1:37" s="96" customFormat="1" ht="80.099999999999994" customHeight="1" thickBot="1">
      <c r="A6" s="188"/>
      <c r="B6" s="189" t="s">
        <v>57</v>
      </c>
      <c r="C6" s="214" t="s">
        <v>58</v>
      </c>
      <c r="D6" s="215" t="s">
        <v>59</v>
      </c>
      <c r="E6" s="215" t="s">
        <v>60</v>
      </c>
      <c r="F6" s="215" t="s">
        <v>61</v>
      </c>
      <c r="G6" s="270" t="s">
        <v>62</v>
      </c>
      <c r="H6" s="270"/>
      <c r="I6" s="215" t="s">
        <v>63</v>
      </c>
      <c r="J6" s="216" t="s">
        <v>64</v>
      </c>
      <c r="K6" s="215" t="s">
        <v>65</v>
      </c>
      <c r="L6" s="215" t="s">
        <v>66</v>
      </c>
      <c r="M6" s="217" t="s">
        <v>67</v>
      </c>
      <c r="N6" s="88" t="s">
        <v>68</v>
      </c>
      <c r="O6" s="90" t="s">
        <v>69</v>
      </c>
      <c r="P6" s="89" t="s">
        <v>70</v>
      </c>
      <c r="Q6" s="90" t="s">
        <v>69</v>
      </c>
      <c r="R6" s="87"/>
      <c r="S6" s="91"/>
      <c r="T6" s="91"/>
      <c r="U6" s="92"/>
      <c r="V6" s="93" t="s">
        <v>71</v>
      </c>
      <c r="W6" s="93"/>
      <c r="X6" s="93"/>
      <c r="Y6" s="93"/>
      <c r="Z6" s="93"/>
      <c r="AA6" s="93"/>
      <c r="AB6" s="93"/>
      <c r="AC6" s="93"/>
      <c r="AD6" s="93"/>
      <c r="AE6" s="93"/>
      <c r="AF6" s="93"/>
      <c r="AG6" s="94"/>
      <c r="AH6" s="95"/>
      <c r="AI6" s="95"/>
      <c r="AJ6" s="95"/>
      <c r="AK6" s="95"/>
    </row>
    <row r="7" spans="1:37" ht="27" customHeight="1" thickBot="1">
      <c r="A7" s="184"/>
      <c r="B7" s="190"/>
      <c r="C7" s="218"/>
      <c r="D7" s="208"/>
      <c r="E7" s="219"/>
      <c r="F7" s="218"/>
      <c r="G7" s="218"/>
      <c r="H7" s="218"/>
      <c r="I7" s="220"/>
      <c r="J7" s="221"/>
      <c r="K7" s="222"/>
      <c r="L7" s="223"/>
      <c r="M7" s="224">
        <f>PTV</f>
        <v>0.41049999999999998</v>
      </c>
      <c r="N7" s="98"/>
      <c r="O7" s="99"/>
      <c r="P7" s="98"/>
      <c r="Q7" s="99"/>
      <c r="R7" s="61"/>
      <c r="S7" s="66"/>
      <c r="T7" s="66"/>
      <c r="U7" s="100"/>
      <c r="V7" s="101" t="s">
        <v>72</v>
      </c>
      <c r="W7" s="101"/>
      <c r="X7" s="101"/>
      <c r="Y7" s="101"/>
      <c r="Z7" s="101"/>
      <c r="AA7" s="101"/>
      <c r="AB7" s="101"/>
      <c r="AC7" s="101"/>
      <c r="AD7" s="101"/>
      <c r="AE7" s="101"/>
      <c r="AF7" s="101"/>
      <c r="AG7" s="102"/>
      <c r="AH7" s="101"/>
      <c r="AI7" s="101"/>
      <c r="AJ7" s="101"/>
    </row>
    <row r="8" spans="1:37" ht="18.95" customHeight="1">
      <c r="A8" s="184"/>
      <c r="B8" s="191" t="s">
        <v>73</v>
      </c>
      <c r="C8" s="225" t="s">
        <v>74</v>
      </c>
      <c r="D8" s="226" t="s">
        <v>75</v>
      </c>
      <c r="E8" s="227">
        <v>1151</v>
      </c>
      <c r="F8" s="226" t="s">
        <v>76</v>
      </c>
      <c r="G8" s="103" t="s">
        <v>77</v>
      </c>
      <c r="H8" s="228"/>
      <c r="I8" s="229" t="s">
        <v>78</v>
      </c>
      <c r="J8" s="104" t="s">
        <v>79</v>
      </c>
      <c r="K8" s="230">
        <v>9.81</v>
      </c>
      <c r="L8" s="231">
        <f>39900/$K8</f>
        <v>4067.2782874617733</v>
      </c>
      <c r="M8" s="232">
        <f t="shared" ref="M8:M20" si="0">ROUND((PTV*$K8),2)</f>
        <v>4.03</v>
      </c>
      <c r="N8" s="105"/>
      <c r="O8" s="106" t="str">
        <f>IF(N8="","    -",K8*N8)</f>
        <v xml:space="preserve">    -</v>
      </c>
      <c r="P8" s="107"/>
      <c r="Q8" s="108" t="str">
        <f>IF(P8="","    -",ROUNDUP($P8/$E8,0)*$K8)</f>
        <v xml:space="preserve">    -</v>
      </c>
      <c r="R8" s="61"/>
      <c r="S8" s="109">
        <f t="shared" ref="S8:S53" si="1">N8*M8</f>
        <v>0</v>
      </c>
      <c r="T8" s="109">
        <f>ROUNDUP((P8/E8),0)*M8</f>
        <v>0</v>
      </c>
      <c r="U8" s="110"/>
      <c r="V8" s="101"/>
      <c r="W8" s="101"/>
      <c r="X8" s="101"/>
      <c r="Y8" s="101"/>
      <c r="Z8" s="101"/>
      <c r="AA8" s="101"/>
      <c r="AB8" s="101"/>
      <c r="AC8" s="101"/>
      <c r="AD8" s="101"/>
      <c r="AE8" s="101"/>
      <c r="AF8" s="101"/>
      <c r="AG8" s="102"/>
      <c r="AH8" s="101"/>
      <c r="AI8" s="101"/>
      <c r="AJ8" s="101"/>
    </row>
    <row r="9" spans="1:37" ht="18.95" customHeight="1">
      <c r="A9" s="184"/>
      <c r="B9" s="191"/>
      <c r="C9" s="226" t="s">
        <v>80</v>
      </c>
      <c r="D9" s="226" t="s">
        <v>81</v>
      </c>
      <c r="E9" s="233">
        <v>1140</v>
      </c>
      <c r="F9" s="226" t="s">
        <v>76</v>
      </c>
      <c r="G9" s="111" t="s">
        <v>82</v>
      </c>
      <c r="H9" s="234"/>
      <c r="I9" s="229" t="s">
        <v>83</v>
      </c>
      <c r="J9" s="112" t="s">
        <v>84</v>
      </c>
      <c r="K9" s="230">
        <v>10.39</v>
      </c>
      <c r="L9" s="231">
        <f t="shared" ref="L9:L20" si="2">39900/$K9</f>
        <v>3840.2309913378244</v>
      </c>
      <c r="M9" s="232">
        <f t="shared" si="0"/>
        <v>4.2699999999999996</v>
      </c>
      <c r="N9" s="113"/>
      <c r="O9" s="114" t="str">
        <f>IF(N9="","    -",K9*N9)</f>
        <v xml:space="preserve">    -</v>
      </c>
      <c r="P9" s="115"/>
      <c r="Q9" s="116" t="str">
        <f>IF(P9="","    -",ROUNDUP($P9/$E9,0)*$K9)</f>
        <v xml:space="preserve">    -</v>
      </c>
      <c r="R9" s="61"/>
      <c r="S9" s="109">
        <f>N9*M9</f>
        <v>0</v>
      </c>
      <c r="T9" s="109">
        <f t="shared" ref="T9:T56" si="3">ROUNDUP((P9/E9),0)*M9</f>
        <v>0</v>
      </c>
      <c r="U9" s="110"/>
      <c r="V9" s="68" t="s">
        <v>85</v>
      </c>
      <c r="W9" s="117"/>
    </row>
    <row r="10" spans="1:37" ht="18.95" customHeight="1">
      <c r="A10" s="184"/>
      <c r="B10" s="192" t="s">
        <v>86</v>
      </c>
      <c r="C10" s="226" t="s">
        <v>80</v>
      </c>
      <c r="D10" s="226" t="s">
        <v>81</v>
      </c>
      <c r="E10" s="235">
        <v>1141</v>
      </c>
      <c r="F10" s="226" t="s">
        <v>76</v>
      </c>
      <c r="G10" s="103" t="s">
        <v>87</v>
      </c>
      <c r="H10" s="228"/>
      <c r="I10" s="229" t="s">
        <v>88</v>
      </c>
      <c r="J10" s="104" t="s">
        <v>89</v>
      </c>
      <c r="K10" s="230">
        <v>9.7200000000000006</v>
      </c>
      <c r="L10" s="231">
        <f t="shared" si="2"/>
        <v>4104.9382716049377</v>
      </c>
      <c r="M10" s="232">
        <f t="shared" si="0"/>
        <v>3.99</v>
      </c>
      <c r="N10" s="113"/>
      <c r="O10" s="114" t="str">
        <f t="shared" ref="O10:O56" si="4">IF(N10="","    -",K10*N10)</f>
        <v xml:space="preserve">    -</v>
      </c>
      <c r="P10" s="115"/>
      <c r="Q10" s="116" t="str">
        <f t="shared" ref="Q10:Q56" si="5">IF(P10="","    -",ROUNDUP($P10/$E10,0)*$K10)</f>
        <v xml:space="preserve">    -</v>
      </c>
      <c r="R10" s="61"/>
      <c r="S10" s="109">
        <f t="shared" si="1"/>
        <v>0</v>
      </c>
      <c r="T10" s="109">
        <f t="shared" si="3"/>
        <v>0</v>
      </c>
      <c r="U10" s="110"/>
      <c r="V10" s="68" t="s">
        <v>90</v>
      </c>
      <c r="W10" s="117"/>
    </row>
    <row r="11" spans="1:37" s="86" customFormat="1" ht="18.95" customHeight="1">
      <c r="A11" s="186"/>
      <c r="B11" s="192" t="s">
        <v>91</v>
      </c>
      <c r="C11" s="226" t="s">
        <v>80</v>
      </c>
      <c r="D11" s="226" t="s">
        <v>81</v>
      </c>
      <c r="E11" s="227">
        <v>1141</v>
      </c>
      <c r="F11" s="226" t="s">
        <v>76</v>
      </c>
      <c r="G11" s="103" t="s">
        <v>92</v>
      </c>
      <c r="H11" s="228"/>
      <c r="I11" s="229" t="s">
        <v>93</v>
      </c>
      <c r="J11" s="104" t="s">
        <v>94</v>
      </c>
      <c r="K11" s="230">
        <v>9.7200000000000006</v>
      </c>
      <c r="L11" s="231">
        <f t="shared" si="2"/>
        <v>4104.9382716049377</v>
      </c>
      <c r="M11" s="232">
        <f t="shared" si="0"/>
        <v>3.99</v>
      </c>
      <c r="N11" s="113"/>
      <c r="O11" s="114" t="str">
        <f t="shared" si="4"/>
        <v xml:space="preserve">    -</v>
      </c>
      <c r="P11" s="115"/>
      <c r="Q11" s="116" t="str">
        <f t="shared" si="5"/>
        <v xml:space="preserve">    -</v>
      </c>
      <c r="R11" s="79"/>
      <c r="S11" s="109">
        <f t="shared" si="1"/>
        <v>0</v>
      </c>
      <c r="T11" s="109">
        <f t="shared" si="3"/>
        <v>0</v>
      </c>
      <c r="U11" s="110"/>
      <c r="V11" s="68" t="s">
        <v>95</v>
      </c>
      <c r="W11" s="117"/>
      <c r="X11" s="83"/>
      <c r="Y11" s="83"/>
      <c r="Z11" s="83"/>
      <c r="AA11" s="83"/>
      <c r="AB11" s="83"/>
      <c r="AC11" s="83"/>
      <c r="AD11" s="83"/>
      <c r="AE11" s="83"/>
      <c r="AF11" s="83"/>
      <c r="AG11" s="84"/>
      <c r="AH11" s="85"/>
      <c r="AI11" s="85"/>
      <c r="AJ11" s="85"/>
      <c r="AK11" s="85"/>
    </row>
    <row r="12" spans="1:37" s="86" customFormat="1" ht="18.95" customHeight="1">
      <c r="A12" s="186"/>
      <c r="B12" s="192"/>
      <c r="C12" s="226" t="s">
        <v>80</v>
      </c>
      <c r="D12" s="226" t="s">
        <v>81</v>
      </c>
      <c r="E12" s="227">
        <v>1141</v>
      </c>
      <c r="F12" s="226" t="s">
        <v>76</v>
      </c>
      <c r="G12" s="118" t="s">
        <v>96</v>
      </c>
      <c r="H12" s="228"/>
      <c r="I12" s="229" t="s">
        <v>97</v>
      </c>
      <c r="J12" s="104" t="s">
        <v>98</v>
      </c>
      <c r="K12" s="230">
        <v>10.220000000000001</v>
      </c>
      <c r="L12" s="231">
        <f t="shared" si="2"/>
        <v>3904.1095890410957</v>
      </c>
      <c r="M12" s="232">
        <f t="shared" si="0"/>
        <v>4.2</v>
      </c>
      <c r="N12" s="113"/>
      <c r="O12" s="114" t="str">
        <f t="shared" si="4"/>
        <v xml:space="preserve">    -</v>
      </c>
      <c r="P12" s="115"/>
      <c r="Q12" s="116" t="str">
        <f t="shared" si="5"/>
        <v xml:space="preserve">    -</v>
      </c>
      <c r="R12" s="79"/>
      <c r="S12" s="109"/>
      <c r="T12" s="109"/>
      <c r="U12" s="110"/>
      <c r="V12" s="68"/>
      <c r="W12" s="117"/>
      <c r="X12" s="83"/>
      <c r="Y12" s="83"/>
      <c r="Z12" s="83"/>
      <c r="AA12" s="83"/>
      <c r="AB12" s="83"/>
      <c r="AC12" s="83"/>
      <c r="AD12" s="83"/>
      <c r="AE12" s="83"/>
      <c r="AF12" s="83"/>
      <c r="AG12" s="84"/>
      <c r="AH12" s="85"/>
      <c r="AI12" s="85"/>
      <c r="AJ12" s="85"/>
      <c r="AK12" s="85"/>
    </row>
    <row r="13" spans="1:37" s="86" customFormat="1" ht="18.95" customHeight="1">
      <c r="A13" s="186"/>
      <c r="B13" s="192" t="s">
        <v>99</v>
      </c>
      <c r="C13" s="226" t="s">
        <v>100</v>
      </c>
      <c r="D13" s="226" t="s">
        <v>101</v>
      </c>
      <c r="E13" s="227">
        <v>961</v>
      </c>
      <c r="F13" s="226" t="s">
        <v>76</v>
      </c>
      <c r="G13" s="103" t="s">
        <v>102</v>
      </c>
      <c r="H13" s="228"/>
      <c r="I13" s="236" t="s">
        <v>103</v>
      </c>
      <c r="J13" s="104" t="s">
        <v>104</v>
      </c>
      <c r="K13" s="230">
        <v>8.23</v>
      </c>
      <c r="L13" s="231">
        <f t="shared" si="2"/>
        <v>4848.1166464155522</v>
      </c>
      <c r="M13" s="232">
        <f t="shared" si="0"/>
        <v>3.38</v>
      </c>
      <c r="N13" s="113"/>
      <c r="O13" s="114" t="str">
        <f t="shared" si="4"/>
        <v xml:space="preserve">    -</v>
      </c>
      <c r="P13" s="115"/>
      <c r="Q13" s="116" t="str">
        <f t="shared" si="5"/>
        <v xml:space="preserve">    -</v>
      </c>
      <c r="R13" s="79"/>
      <c r="S13" s="109">
        <f t="shared" si="1"/>
        <v>0</v>
      </c>
      <c r="T13" s="109">
        <f t="shared" si="3"/>
        <v>0</v>
      </c>
      <c r="U13" s="110"/>
      <c r="V13" s="83"/>
      <c r="W13" s="117"/>
      <c r="X13" s="83"/>
      <c r="Y13" s="83"/>
      <c r="Z13" s="83"/>
      <c r="AA13" s="83"/>
      <c r="AB13" s="83"/>
      <c r="AC13" s="83"/>
      <c r="AD13" s="83"/>
      <c r="AE13" s="83"/>
      <c r="AF13" s="83"/>
      <c r="AG13" s="84"/>
      <c r="AH13" s="85"/>
      <c r="AI13" s="85"/>
      <c r="AJ13" s="85"/>
      <c r="AK13" s="85"/>
    </row>
    <row r="14" spans="1:37" ht="18.95" customHeight="1">
      <c r="A14" s="184"/>
      <c r="B14" s="192" t="s">
        <v>105</v>
      </c>
      <c r="C14" s="226" t="s">
        <v>106</v>
      </c>
      <c r="D14" s="226" t="s">
        <v>107</v>
      </c>
      <c r="E14" s="237">
        <v>760</v>
      </c>
      <c r="F14" s="226" t="s">
        <v>76</v>
      </c>
      <c r="G14" s="103" t="s">
        <v>108</v>
      </c>
      <c r="H14" s="228"/>
      <c r="I14" s="229" t="s">
        <v>109</v>
      </c>
      <c r="J14" s="119" t="s">
        <v>110</v>
      </c>
      <c r="K14" s="230">
        <v>6.48</v>
      </c>
      <c r="L14" s="231">
        <f t="shared" si="2"/>
        <v>6157.4074074074069</v>
      </c>
      <c r="M14" s="232">
        <f t="shared" si="0"/>
        <v>2.66</v>
      </c>
      <c r="N14" s="113"/>
      <c r="O14" s="114" t="str">
        <f t="shared" si="4"/>
        <v xml:space="preserve">    -</v>
      </c>
      <c r="P14" s="115"/>
      <c r="Q14" s="116" t="str">
        <f t="shared" si="5"/>
        <v xml:space="preserve">    -</v>
      </c>
      <c r="R14" s="61"/>
      <c r="S14" s="109">
        <f t="shared" si="1"/>
        <v>0</v>
      </c>
      <c r="T14" s="109">
        <f t="shared" si="3"/>
        <v>0</v>
      </c>
      <c r="U14" s="110"/>
      <c r="V14" s="68" t="s">
        <v>111</v>
      </c>
      <c r="W14" s="117"/>
    </row>
    <row r="15" spans="1:37" s="86" customFormat="1" ht="18.95" customHeight="1">
      <c r="A15" s="186"/>
      <c r="B15" s="192"/>
      <c r="C15" s="226" t="s">
        <v>106</v>
      </c>
      <c r="D15" s="226" t="s">
        <v>107</v>
      </c>
      <c r="E15" s="237">
        <v>760</v>
      </c>
      <c r="F15" s="226" t="s">
        <v>76</v>
      </c>
      <c r="G15" s="111" t="s">
        <v>112</v>
      </c>
      <c r="H15" s="238"/>
      <c r="I15" s="229" t="s">
        <v>113</v>
      </c>
      <c r="J15" s="112" t="s">
        <v>114</v>
      </c>
      <c r="K15" s="230">
        <v>6.93</v>
      </c>
      <c r="L15" s="231">
        <f t="shared" si="2"/>
        <v>5757.575757575758</v>
      </c>
      <c r="M15" s="232">
        <f t="shared" si="0"/>
        <v>2.84</v>
      </c>
      <c r="N15" s="113"/>
      <c r="O15" s="114" t="str">
        <f t="shared" si="4"/>
        <v xml:space="preserve">    -</v>
      </c>
      <c r="P15" s="115"/>
      <c r="Q15" s="116" t="str">
        <f t="shared" si="5"/>
        <v xml:space="preserve">    -</v>
      </c>
      <c r="R15" s="79"/>
      <c r="S15" s="109">
        <f t="shared" si="1"/>
        <v>0</v>
      </c>
      <c r="T15" s="109">
        <f t="shared" si="3"/>
        <v>0</v>
      </c>
      <c r="U15" s="110"/>
      <c r="V15" s="83"/>
      <c r="W15" s="117"/>
      <c r="X15" s="83"/>
      <c r="Y15" s="83"/>
      <c r="Z15" s="83"/>
      <c r="AA15" s="83"/>
      <c r="AB15" s="83"/>
      <c r="AC15" s="83"/>
      <c r="AD15" s="83"/>
      <c r="AE15" s="83"/>
      <c r="AF15" s="83"/>
      <c r="AG15" s="84"/>
      <c r="AH15" s="85"/>
      <c r="AI15" s="85"/>
      <c r="AJ15" s="85"/>
      <c r="AK15" s="85"/>
    </row>
    <row r="16" spans="1:37" s="86" customFormat="1" ht="18.95" customHeight="1">
      <c r="A16" s="186"/>
      <c r="B16" s="192"/>
      <c r="C16" s="226" t="s">
        <v>115</v>
      </c>
      <c r="D16" s="226" t="s">
        <v>116</v>
      </c>
      <c r="E16" s="239">
        <v>1161</v>
      </c>
      <c r="F16" s="226" t="s">
        <v>76</v>
      </c>
      <c r="G16" s="103" t="s">
        <v>117</v>
      </c>
      <c r="H16" s="228"/>
      <c r="I16" s="229" t="s">
        <v>118</v>
      </c>
      <c r="J16" s="104" t="s">
        <v>119</v>
      </c>
      <c r="K16" s="230">
        <v>9.89</v>
      </c>
      <c r="L16" s="231">
        <f t="shared" si="2"/>
        <v>4034.3781597573302</v>
      </c>
      <c r="M16" s="232">
        <f t="shared" si="0"/>
        <v>4.0599999999999996</v>
      </c>
      <c r="N16" s="113"/>
      <c r="O16" s="114" t="str">
        <f t="shared" si="4"/>
        <v xml:space="preserve">    -</v>
      </c>
      <c r="P16" s="115"/>
      <c r="Q16" s="116" t="str">
        <f t="shared" si="5"/>
        <v xml:space="preserve">    -</v>
      </c>
      <c r="R16" s="79"/>
      <c r="S16" s="109">
        <f t="shared" si="1"/>
        <v>0</v>
      </c>
      <c r="T16" s="109">
        <f t="shared" si="3"/>
        <v>0</v>
      </c>
      <c r="U16" s="110"/>
      <c r="V16" s="83"/>
      <c r="W16" s="117"/>
      <c r="X16" s="83"/>
      <c r="Y16" s="83"/>
      <c r="Z16" s="83"/>
      <c r="AA16" s="83"/>
      <c r="AB16" s="83"/>
      <c r="AC16" s="83"/>
      <c r="AD16" s="83"/>
      <c r="AE16" s="83"/>
      <c r="AF16" s="83"/>
      <c r="AG16" s="84"/>
      <c r="AH16" s="85"/>
      <c r="AI16" s="85"/>
      <c r="AJ16" s="85"/>
      <c r="AK16" s="85"/>
    </row>
    <row r="17" spans="1:37" ht="18.95" customHeight="1">
      <c r="A17" s="184"/>
      <c r="B17" s="192" t="s">
        <v>120</v>
      </c>
      <c r="C17" s="226" t="s">
        <v>115</v>
      </c>
      <c r="D17" s="226" t="s">
        <v>121</v>
      </c>
      <c r="E17" s="227">
        <v>774</v>
      </c>
      <c r="F17" s="226" t="s">
        <v>76</v>
      </c>
      <c r="G17" s="103" t="s">
        <v>122</v>
      </c>
      <c r="H17" s="228"/>
      <c r="I17" s="229" t="s">
        <v>123</v>
      </c>
      <c r="J17" s="104" t="s">
        <v>124</v>
      </c>
      <c r="K17" s="230">
        <v>6.6</v>
      </c>
      <c r="L17" s="231">
        <f t="shared" si="2"/>
        <v>6045.454545454546</v>
      </c>
      <c r="M17" s="232">
        <f t="shared" si="0"/>
        <v>2.71</v>
      </c>
      <c r="N17" s="113"/>
      <c r="O17" s="114" t="str">
        <f t="shared" si="4"/>
        <v xml:space="preserve">    -</v>
      </c>
      <c r="P17" s="115"/>
      <c r="Q17" s="116" t="str">
        <f t="shared" si="5"/>
        <v xml:space="preserve">    -</v>
      </c>
      <c r="R17" s="61"/>
      <c r="S17" s="109">
        <f t="shared" si="1"/>
        <v>0</v>
      </c>
      <c r="T17" s="109">
        <f t="shared" si="3"/>
        <v>0</v>
      </c>
      <c r="U17" s="110"/>
      <c r="V17" s="120"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18/2019 were provided by FNS via the 12/01/2017 NMPA notification @ $0.4105 per pound or $16,378.95 per truckload of paste. The corresponding Pass Through Value Discount per case for each product is indicated above.</v>
      </c>
      <c r="W17" s="120"/>
      <c r="X17" s="120"/>
      <c r="Y17" s="120"/>
      <c r="Z17" s="120"/>
      <c r="AA17" s="120"/>
      <c r="AB17" s="120"/>
      <c r="AC17" s="120"/>
      <c r="AD17" s="120"/>
      <c r="AE17" s="120"/>
      <c r="AF17" s="120"/>
      <c r="AG17" s="121"/>
      <c r="AH17" s="120"/>
      <c r="AI17" s="120"/>
      <c r="AJ17" s="120"/>
      <c r="AK17" s="120"/>
    </row>
    <row r="18" spans="1:37" ht="18.95" customHeight="1">
      <c r="A18" s="184"/>
      <c r="B18" s="192" t="s">
        <v>120</v>
      </c>
      <c r="C18" s="226" t="s">
        <v>115</v>
      </c>
      <c r="D18" s="226" t="s">
        <v>121</v>
      </c>
      <c r="E18" s="227">
        <v>773</v>
      </c>
      <c r="F18" s="226" t="s">
        <v>76</v>
      </c>
      <c r="G18" s="122" t="s">
        <v>125</v>
      </c>
      <c r="H18" s="228"/>
      <c r="I18" s="229" t="s">
        <v>126</v>
      </c>
      <c r="J18" s="119" t="s">
        <v>127</v>
      </c>
      <c r="K18" s="230">
        <v>6.93</v>
      </c>
      <c r="L18" s="231">
        <f t="shared" si="2"/>
        <v>5757.575757575758</v>
      </c>
      <c r="M18" s="232">
        <f t="shared" si="0"/>
        <v>2.84</v>
      </c>
      <c r="N18" s="113"/>
      <c r="O18" s="114" t="str">
        <f t="shared" si="4"/>
        <v xml:space="preserve">    -</v>
      </c>
      <c r="P18" s="115"/>
      <c r="Q18" s="116" t="str">
        <f t="shared" si="5"/>
        <v xml:space="preserve">    -</v>
      </c>
      <c r="R18" s="61"/>
      <c r="S18" s="109">
        <f>N18*M18</f>
        <v>0</v>
      </c>
      <c r="T18" s="109">
        <f t="shared" si="3"/>
        <v>0</v>
      </c>
      <c r="U18" s="110"/>
      <c r="V18" s="120"/>
      <c r="W18" s="120"/>
      <c r="X18" s="120"/>
      <c r="Y18" s="120"/>
      <c r="Z18" s="120"/>
      <c r="AA18" s="120"/>
      <c r="AB18" s="120"/>
      <c r="AC18" s="120"/>
      <c r="AD18" s="120"/>
      <c r="AE18" s="120"/>
      <c r="AF18" s="120"/>
      <c r="AG18" s="121"/>
      <c r="AH18" s="120"/>
      <c r="AI18" s="120"/>
      <c r="AJ18" s="120"/>
      <c r="AK18" s="120"/>
    </row>
    <row r="19" spans="1:37" ht="18.95" customHeight="1">
      <c r="A19" s="184"/>
      <c r="B19" s="192"/>
      <c r="C19" s="226" t="s">
        <v>80</v>
      </c>
      <c r="D19" s="226" t="s">
        <v>81</v>
      </c>
      <c r="E19" s="227">
        <v>542</v>
      </c>
      <c r="F19" s="226" t="s">
        <v>128</v>
      </c>
      <c r="G19" s="123" t="s">
        <v>129</v>
      </c>
      <c r="H19" s="228"/>
      <c r="I19" s="229" t="s">
        <v>130</v>
      </c>
      <c r="J19" s="119" t="s">
        <v>131</v>
      </c>
      <c r="K19" s="230">
        <v>5.61</v>
      </c>
      <c r="L19" s="231">
        <f t="shared" si="2"/>
        <v>7112.2994652406414</v>
      </c>
      <c r="M19" s="232">
        <f t="shared" si="0"/>
        <v>2.2999999999999998</v>
      </c>
      <c r="N19" s="124"/>
      <c r="O19" s="125" t="str">
        <f t="shared" si="4"/>
        <v xml:space="preserve">    -</v>
      </c>
      <c r="P19" s="126"/>
      <c r="Q19" s="127" t="str">
        <f t="shared" si="5"/>
        <v xml:space="preserve">    -</v>
      </c>
      <c r="R19" s="61"/>
      <c r="S19" s="109"/>
      <c r="T19" s="109"/>
      <c r="U19" s="110"/>
      <c r="V19" s="120"/>
      <c r="W19" s="120"/>
      <c r="X19" s="120"/>
      <c r="Y19" s="120"/>
      <c r="Z19" s="120"/>
      <c r="AA19" s="120"/>
      <c r="AB19" s="120"/>
      <c r="AC19" s="120"/>
      <c r="AD19" s="120"/>
      <c r="AE19" s="120"/>
      <c r="AF19" s="120"/>
      <c r="AG19" s="121"/>
      <c r="AH19" s="120"/>
      <c r="AI19" s="120"/>
      <c r="AJ19" s="120"/>
      <c r="AK19" s="120"/>
    </row>
    <row r="20" spans="1:37" ht="18.95" customHeight="1" thickBot="1">
      <c r="A20" s="184"/>
      <c r="B20" s="192"/>
      <c r="C20" s="226" t="s">
        <v>115</v>
      </c>
      <c r="D20" s="226" t="s">
        <v>132</v>
      </c>
      <c r="E20" s="227">
        <v>370</v>
      </c>
      <c r="F20" s="226" t="s">
        <v>128</v>
      </c>
      <c r="G20" s="122" t="s">
        <v>133</v>
      </c>
      <c r="H20" s="228"/>
      <c r="I20" s="229" t="s">
        <v>134</v>
      </c>
      <c r="J20" s="119" t="s">
        <v>135</v>
      </c>
      <c r="K20" s="230">
        <v>3.83</v>
      </c>
      <c r="L20" s="231">
        <f t="shared" si="2"/>
        <v>10417.7545691906</v>
      </c>
      <c r="M20" s="232">
        <f t="shared" si="0"/>
        <v>1.57</v>
      </c>
      <c r="N20" s="128"/>
      <c r="O20" s="129" t="str">
        <f t="shared" si="4"/>
        <v xml:space="preserve">    -</v>
      </c>
      <c r="P20" s="130"/>
      <c r="Q20" s="131" t="str">
        <f t="shared" si="5"/>
        <v xml:space="preserve">    -</v>
      </c>
      <c r="R20" s="61"/>
      <c r="S20" s="109">
        <f>N20*M20</f>
        <v>0</v>
      </c>
      <c r="T20" s="109">
        <f t="shared" si="3"/>
        <v>0</v>
      </c>
      <c r="U20" s="110"/>
      <c r="V20" s="120"/>
      <c r="W20" s="120"/>
      <c r="X20" s="120"/>
      <c r="Y20" s="120"/>
      <c r="Z20" s="120"/>
      <c r="AA20" s="120"/>
      <c r="AB20" s="120"/>
      <c r="AC20" s="120"/>
      <c r="AD20" s="120"/>
      <c r="AE20" s="120"/>
      <c r="AF20" s="120"/>
      <c r="AG20" s="121"/>
      <c r="AH20" s="120"/>
      <c r="AI20" s="120"/>
      <c r="AJ20" s="120"/>
      <c r="AK20" s="120"/>
    </row>
    <row r="21" spans="1:37" ht="8.25" customHeight="1" thickBot="1">
      <c r="A21" s="184"/>
      <c r="B21" s="192"/>
      <c r="C21" s="226"/>
      <c r="D21" s="226"/>
      <c r="E21" s="227"/>
      <c r="F21" s="226"/>
      <c r="G21" s="103"/>
      <c r="H21" s="228"/>
      <c r="I21" s="229"/>
      <c r="J21" s="104"/>
      <c r="K21" s="230"/>
      <c r="L21" s="231"/>
      <c r="M21" s="232"/>
      <c r="N21" s="132"/>
      <c r="O21" s="133"/>
      <c r="P21" s="134"/>
      <c r="Q21" s="133"/>
      <c r="R21" s="61"/>
      <c r="S21" s="109"/>
      <c r="T21" s="109"/>
      <c r="U21" s="110"/>
      <c r="W21" s="117"/>
    </row>
    <row r="22" spans="1:37" ht="18.95" customHeight="1">
      <c r="A22" s="184"/>
      <c r="B22" s="192" t="s">
        <v>136</v>
      </c>
      <c r="C22" s="226" t="s">
        <v>137</v>
      </c>
      <c r="D22" s="226" t="s">
        <v>138</v>
      </c>
      <c r="E22" s="227">
        <v>1000</v>
      </c>
      <c r="F22" s="226" t="s">
        <v>139</v>
      </c>
      <c r="G22" s="103" t="s">
        <v>140</v>
      </c>
      <c r="H22" s="228"/>
      <c r="I22" s="229" t="s">
        <v>141</v>
      </c>
      <c r="J22" s="104" t="s">
        <v>142</v>
      </c>
      <c r="K22" s="230">
        <v>4.21</v>
      </c>
      <c r="L22" s="231">
        <f t="shared" ref="L22:L32" si="6">39900/$K22</f>
        <v>9477.4346793349177</v>
      </c>
      <c r="M22" s="232">
        <f t="shared" ref="M22:M32" si="7">ROUND((PTV*$K22),2)</f>
        <v>1.73</v>
      </c>
      <c r="N22" s="105"/>
      <c r="O22" s="106" t="str">
        <f t="shared" si="4"/>
        <v xml:space="preserve">    -</v>
      </c>
      <c r="P22" s="107"/>
      <c r="Q22" s="108" t="str">
        <f t="shared" si="5"/>
        <v xml:space="preserve">    -</v>
      </c>
      <c r="R22" s="61"/>
      <c r="S22" s="109">
        <f t="shared" si="1"/>
        <v>0</v>
      </c>
      <c r="T22" s="109">
        <f t="shared" si="3"/>
        <v>0</v>
      </c>
      <c r="U22" s="110"/>
      <c r="W22" s="117"/>
    </row>
    <row r="23" spans="1:37" ht="18.95" customHeight="1">
      <c r="A23" s="184"/>
      <c r="B23" s="192"/>
      <c r="C23" s="226" t="s">
        <v>137</v>
      </c>
      <c r="D23" s="226" t="s">
        <v>138</v>
      </c>
      <c r="E23" s="227">
        <v>1000</v>
      </c>
      <c r="F23" s="226" t="s">
        <v>139</v>
      </c>
      <c r="G23" s="135" t="s">
        <v>143</v>
      </c>
      <c r="H23" s="238"/>
      <c r="I23" s="229" t="s">
        <v>144</v>
      </c>
      <c r="J23" s="104" t="s">
        <v>145</v>
      </c>
      <c r="K23" s="230">
        <v>4.8099999999999996</v>
      </c>
      <c r="L23" s="231">
        <f t="shared" si="6"/>
        <v>8295.2182952182957</v>
      </c>
      <c r="M23" s="232">
        <f t="shared" si="7"/>
        <v>1.97</v>
      </c>
      <c r="N23" s="113"/>
      <c r="O23" s="114" t="str">
        <f t="shared" si="4"/>
        <v xml:space="preserve">    -</v>
      </c>
      <c r="P23" s="115"/>
      <c r="Q23" s="116" t="str">
        <f t="shared" si="5"/>
        <v xml:space="preserve">    -</v>
      </c>
      <c r="R23" s="61"/>
      <c r="S23" s="109">
        <f t="shared" si="1"/>
        <v>0</v>
      </c>
      <c r="T23" s="109">
        <f t="shared" si="3"/>
        <v>0</v>
      </c>
      <c r="U23" s="110"/>
      <c r="W23" s="117"/>
    </row>
    <row r="24" spans="1:37" ht="18.95" customHeight="1">
      <c r="A24" s="184"/>
      <c r="B24" s="192"/>
      <c r="C24" s="226" t="s">
        <v>146</v>
      </c>
      <c r="D24" s="226" t="s">
        <v>147</v>
      </c>
      <c r="E24" s="227">
        <v>250</v>
      </c>
      <c r="F24" s="226" t="s">
        <v>148</v>
      </c>
      <c r="G24" s="136" t="s">
        <v>149</v>
      </c>
      <c r="H24" s="240"/>
      <c r="I24" s="229" t="s">
        <v>150</v>
      </c>
      <c r="J24" s="104" t="s">
        <v>151</v>
      </c>
      <c r="K24" s="230">
        <v>3.56</v>
      </c>
      <c r="L24" s="231">
        <f t="shared" si="6"/>
        <v>11207.865168539325</v>
      </c>
      <c r="M24" s="232">
        <f t="shared" si="7"/>
        <v>1.46</v>
      </c>
      <c r="N24" s="113"/>
      <c r="O24" s="114" t="str">
        <f t="shared" si="4"/>
        <v xml:space="preserve">    -</v>
      </c>
      <c r="P24" s="115"/>
      <c r="Q24" s="116" t="str">
        <f t="shared" si="5"/>
        <v xml:space="preserve">    -</v>
      </c>
      <c r="R24" s="61"/>
      <c r="S24" s="109">
        <f t="shared" si="1"/>
        <v>0</v>
      </c>
      <c r="T24" s="109">
        <f t="shared" si="3"/>
        <v>0</v>
      </c>
      <c r="U24" s="110"/>
      <c r="V24" s="68" t="str">
        <f>V11&amp;TEXT(TLW,"$#,###.00")</f>
        <v xml:space="preserve"> per pound or $39,900.00</v>
      </c>
      <c r="W24" s="117"/>
    </row>
    <row r="25" spans="1:37" s="137" customFormat="1" ht="18.95" customHeight="1">
      <c r="A25" s="193"/>
      <c r="B25" s="194"/>
      <c r="C25" s="241" t="s">
        <v>146</v>
      </c>
      <c r="D25" s="241" t="s">
        <v>147</v>
      </c>
      <c r="E25" s="241">
        <v>250</v>
      </c>
      <c r="F25" s="226" t="s">
        <v>148</v>
      </c>
      <c r="G25" s="122" t="s">
        <v>152</v>
      </c>
      <c r="H25" s="242"/>
      <c r="I25" s="229" t="s">
        <v>153</v>
      </c>
      <c r="J25" s="243" t="s">
        <v>154</v>
      </c>
      <c r="K25" s="244">
        <v>2.0499999999999998</v>
      </c>
      <c r="L25" s="231">
        <f t="shared" si="6"/>
        <v>19463.414634146342</v>
      </c>
      <c r="M25" s="232">
        <f t="shared" si="7"/>
        <v>0.84</v>
      </c>
      <c r="N25" s="113"/>
      <c r="O25" s="114" t="str">
        <f t="shared" si="4"/>
        <v xml:space="preserve">    -</v>
      </c>
      <c r="P25" s="115"/>
      <c r="Q25" s="116" t="str">
        <f t="shared" si="5"/>
        <v xml:space="preserve">    -</v>
      </c>
      <c r="S25" s="109">
        <f t="shared" si="1"/>
        <v>0</v>
      </c>
      <c r="T25" s="109">
        <f t="shared" si="3"/>
        <v>0</v>
      </c>
      <c r="U25" s="138"/>
      <c r="V25" s="139"/>
      <c r="W25" s="139"/>
      <c r="X25" s="139"/>
      <c r="Y25" s="139"/>
      <c r="Z25" s="139"/>
      <c r="AA25" s="139"/>
      <c r="AB25" s="139"/>
      <c r="AC25" s="139"/>
      <c r="AD25" s="139"/>
      <c r="AE25" s="139"/>
      <c r="AF25" s="139"/>
      <c r="AG25" s="140"/>
      <c r="AH25" s="141"/>
      <c r="AI25" s="141"/>
      <c r="AJ25" s="141"/>
      <c r="AK25" s="141"/>
    </row>
    <row r="26" spans="1:37" ht="18.95" customHeight="1">
      <c r="A26" s="184"/>
      <c r="B26" s="192"/>
      <c r="C26" s="245" t="s">
        <v>146</v>
      </c>
      <c r="D26" s="245" t="s">
        <v>147</v>
      </c>
      <c r="E26" s="233">
        <v>250</v>
      </c>
      <c r="F26" s="226" t="s">
        <v>148</v>
      </c>
      <c r="G26" s="136" t="s">
        <v>155</v>
      </c>
      <c r="H26" s="240"/>
      <c r="I26" s="229" t="s">
        <v>156</v>
      </c>
      <c r="J26" s="119" t="s">
        <v>157</v>
      </c>
      <c r="K26" s="246">
        <v>3.98</v>
      </c>
      <c r="L26" s="247">
        <f t="shared" si="6"/>
        <v>10025.125628140704</v>
      </c>
      <c r="M26" s="232">
        <f t="shared" si="7"/>
        <v>1.63</v>
      </c>
      <c r="N26" s="113"/>
      <c r="O26" s="114" t="str">
        <f t="shared" si="4"/>
        <v xml:space="preserve">    -</v>
      </c>
      <c r="P26" s="115"/>
      <c r="Q26" s="116" t="str">
        <f t="shared" si="5"/>
        <v xml:space="preserve">    -</v>
      </c>
      <c r="R26" s="61"/>
      <c r="S26" s="109">
        <f t="shared" si="1"/>
        <v>0</v>
      </c>
      <c r="T26" s="109">
        <f t="shared" si="3"/>
        <v>0</v>
      </c>
      <c r="U26" s="110"/>
      <c r="W26" s="117"/>
    </row>
    <row r="27" spans="1:37" ht="18.95" customHeight="1">
      <c r="A27" s="184"/>
      <c r="B27" s="192"/>
      <c r="C27" s="245" t="s">
        <v>158</v>
      </c>
      <c r="D27" s="245" t="s">
        <v>159</v>
      </c>
      <c r="E27" s="233">
        <v>264</v>
      </c>
      <c r="F27" s="226" t="s">
        <v>158</v>
      </c>
      <c r="G27" s="142" t="s">
        <v>160</v>
      </c>
      <c r="H27" s="240"/>
      <c r="I27" s="229" t="s">
        <v>161</v>
      </c>
      <c r="J27" s="119" t="s">
        <v>162</v>
      </c>
      <c r="K27" s="246">
        <v>5.76</v>
      </c>
      <c r="L27" s="247">
        <f t="shared" si="6"/>
        <v>6927.0833333333339</v>
      </c>
      <c r="M27" s="232">
        <f t="shared" si="7"/>
        <v>2.36</v>
      </c>
      <c r="N27" s="113"/>
      <c r="O27" s="114" t="str">
        <f t="shared" si="4"/>
        <v xml:space="preserve">    -</v>
      </c>
      <c r="P27" s="115"/>
      <c r="Q27" s="116" t="str">
        <f t="shared" si="5"/>
        <v xml:space="preserve">    -</v>
      </c>
      <c r="R27" s="61"/>
      <c r="S27" s="109">
        <f t="shared" si="1"/>
        <v>0</v>
      </c>
      <c r="T27" s="109"/>
      <c r="U27" s="110"/>
      <c r="W27" s="117"/>
    </row>
    <row r="28" spans="1:37" ht="18.95" customHeight="1">
      <c r="A28" s="184"/>
      <c r="B28" s="192"/>
      <c r="C28" s="248" t="s">
        <v>163</v>
      </c>
      <c r="D28" s="248" t="s">
        <v>164</v>
      </c>
      <c r="E28" s="248">
        <v>84</v>
      </c>
      <c r="F28" s="248" t="s">
        <v>165</v>
      </c>
      <c r="G28" s="142" t="s">
        <v>166</v>
      </c>
      <c r="H28" s="249"/>
      <c r="I28" s="250" t="s">
        <v>167</v>
      </c>
      <c r="J28" s="251" t="s">
        <v>168</v>
      </c>
      <c r="K28" s="252">
        <v>3.67</v>
      </c>
      <c r="L28" s="247">
        <f t="shared" si="6"/>
        <v>10871.934604904633</v>
      </c>
      <c r="M28" s="232">
        <f t="shared" si="7"/>
        <v>1.51</v>
      </c>
      <c r="N28" s="113"/>
      <c r="O28" s="114" t="str">
        <f t="shared" si="4"/>
        <v xml:space="preserve">    -</v>
      </c>
      <c r="P28" s="115"/>
      <c r="Q28" s="116" t="str">
        <f t="shared" si="5"/>
        <v xml:space="preserve">    -</v>
      </c>
      <c r="R28" s="61"/>
      <c r="S28" s="109">
        <f t="shared" si="1"/>
        <v>0</v>
      </c>
      <c r="T28" s="109">
        <f t="shared" si="3"/>
        <v>0</v>
      </c>
      <c r="U28" s="110"/>
      <c r="W28" s="117"/>
    </row>
    <row r="29" spans="1:37" ht="18.95" customHeight="1">
      <c r="A29" s="184"/>
      <c r="B29" s="192"/>
      <c r="C29" s="248" t="s">
        <v>163</v>
      </c>
      <c r="D29" s="248" t="s">
        <v>169</v>
      </c>
      <c r="E29" s="248">
        <v>168</v>
      </c>
      <c r="F29" s="248" t="s">
        <v>165</v>
      </c>
      <c r="G29" s="142" t="s">
        <v>170</v>
      </c>
      <c r="H29" s="249"/>
      <c r="I29" s="250" t="s">
        <v>171</v>
      </c>
      <c r="J29" s="251" t="s">
        <v>172</v>
      </c>
      <c r="K29" s="252">
        <v>7.33</v>
      </c>
      <c r="L29" s="247">
        <f t="shared" si="6"/>
        <v>5443.3833560709409</v>
      </c>
      <c r="M29" s="232">
        <f t="shared" si="7"/>
        <v>3.01</v>
      </c>
      <c r="N29" s="113"/>
      <c r="O29" s="114" t="str">
        <f t="shared" si="4"/>
        <v xml:space="preserve">    -</v>
      </c>
      <c r="P29" s="115"/>
      <c r="Q29" s="116" t="str">
        <f t="shared" si="5"/>
        <v xml:space="preserve">    -</v>
      </c>
      <c r="R29" s="61"/>
      <c r="S29" s="109">
        <f t="shared" si="1"/>
        <v>0</v>
      </c>
      <c r="T29" s="109">
        <f t="shared" si="3"/>
        <v>0</v>
      </c>
      <c r="U29" s="110"/>
      <c r="W29" s="117"/>
    </row>
    <row r="30" spans="1:37" ht="18.95" customHeight="1">
      <c r="A30" s="184"/>
      <c r="B30" s="192"/>
      <c r="C30" s="248" t="s">
        <v>173</v>
      </c>
      <c r="D30" s="248" t="s">
        <v>174</v>
      </c>
      <c r="E30" s="248">
        <v>264</v>
      </c>
      <c r="F30" s="248" t="s">
        <v>175</v>
      </c>
      <c r="G30" s="142" t="s">
        <v>176</v>
      </c>
      <c r="H30" s="249"/>
      <c r="I30" s="250" t="s">
        <v>177</v>
      </c>
      <c r="J30" s="251" t="s">
        <v>178</v>
      </c>
      <c r="K30" s="252">
        <v>3.71</v>
      </c>
      <c r="L30" s="247">
        <f t="shared" si="6"/>
        <v>10754.716981132076</v>
      </c>
      <c r="M30" s="232">
        <f t="shared" si="7"/>
        <v>1.52</v>
      </c>
      <c r="N30" s="113"/>
      <c r="O30" s="114" t="str">
        <f t="shared" si="4"/>
        <v xml:space="preserve">    -</v>
      </c>
      <c r="P30" s="115"/>
      <c r="Q30" s="116" t="str">
        <f t="shared" si="5"/>
        <v xml:space="preserve">    -</v>
      </c>
      <c r="R30" s="61"/>
      <c r="S30" s="109">
        <f t="shared" si="1"/>
        <v>0</v>
      </c>
      <c r="T30" s="109"/>
      <c r="U30" s="110"/>
      <c r="W30" s="117"/>
    </row>
    <row r="31" spans="1:37" ht="18.95" customHeight="1">
      <c r="A31" s="184"/>
      <c r="B31" s="192"/>
      <c r="C31" s="248" t="s">
        <v>179</v>
      </c>
      <c r="D31" s="248" t="s">
        <v>180</v>
      </c>
      <c r="E31" s="248">
        <v>84</v>
      </c>
      <c r="F31" s="248" t="s">
        <v>181</v>
      </c>
      <c r="G31" s="142" t="s">
        <v>182</v>
      </c>
      <c r="H31" s="249"/>
      <c r="I31" s="253" t="s">
        <v>183</v>
      </c>
      <c r="J31" s="251" t="s">
        <v>184</v>
      </c>
      <c r="K31" s="252">
        <v>2.36</v>
      </c>
      <c r="L31" s="247">
        <f t="shared" si="6"/>
        <v>16906.77966101695</v>
      </c>
      <c r="M31" s="232">
        <f t="shared" si="7"/>
        <v>0.97</v>
      </c>
      <c r="N31" s="113"/>
      <c r="O31" s="114" t="str">
        <f t="shared" si="4"/>
        <v xml:space="preserve">    -</v>
      </c>
      <c r="P31" s="115"/>
      <c r="Q31" s="116" t="str">
        <f t="shared" si="5"/>
        <v xml:space="preserve">    -</v>
      </c>
      <c r="R31" s="61"/>
      <c r="S31" s="109">
        <f t="shared" si="1"/>
        <v>0</v>
      </c>
      <c r="T31" s="109">
        <f t="shared" ref="T31:T34" si="8">ROUNDUP((P31/E31),0)*M31</f>
        <v>0</v>
      </c>
      <c r="U31" s="110"/>
      <c r="W31" s="117"/>
    </row>
    <row r="32" spans="1:37" ht="18.95" customHeight="1" thickBot="1">
      <c r="A32" s="184"/>
      <c r="B32" s="192"/>
      <c r="C32" s="248" t="s">
        <v>179</v>
      </c>
      <c r="D32" s="248" t="s">
        <v>185</v>
      </c>
      <c r="E32" s="248">
        <v>168</v>
      </c>
      <c r="F32" s="248" t="s">
        <v>181</v>
      </c>
      <c r="G32" s="142" t="s">
        <v>186</v>
      </c>
      <c r="H32" s="249"/>
      <c r="I32" s="250" t="s">
        <v>187</v>
      </c>
      <c r="J32" s="251" t="s">
        <v>188</v>
      </c>
      <c r="K32" s="252">
        <v>4.72</v>
      </c>
      <c r="L32" s="247">
        <f t="shared" si="6"/>
        <v>8453.3898305084749</v>
      </c>
      <c r="M32" s="232">
        <f t="shared" si="7"/>
        <v>1.94</v>
      </c>
      <c r="N32" s="128"/>
      <c r="O32" s="129" t="str">
        <f t="shared" si="4"/>
        <v xml:space="preserve">    -</v>
      </c>
      <c r="P32" s="130"/>
      <c r="Q32" s="131" t="str">
        <f t="shared" si="5"/>
        <v xml:space="preserve">    -</v>
      </c>
      <c r="R32" s="61"/>
      <c r="S32" s="109">
        <f t="shared" si="1"/>
        <v>0</v>
      </c>
      <c r="T32" s="109">
        <f t="shared" si="8"/>
        <v>0</v>
      </c>
      <c r="U32" s="110"/>
      <c r="W32" s="117"/>
    </row>
    <row r="33" spans="1:23" ht="18.95" customHeight="1">
      <c r="A33" s="184"/>
      <c r="B33" s="192"/>
      <c r="C33" s="226" t="s">
        <v>189</v>
      </c>
      <c r="D33" s="226" t="s">
        <v>190</v>
      </c>
      <c r="E33" s="227">
        <v>1000</v>
      </c>
      <c r="F33" s="226" t="s">
        <v>191</v>
      </c>
      <c r="G33" s="119" t="s">
        <v>192</v>
      </c>
      <c r="H33" s="254"/>
      <c r="I33" s="255" t="s">
        <v>193</v>
      </c>
      <c r="J33" s="119" t="s">
        <v>194</v>
      </c>
      <c r="K33" s="246">
        <v>3.89</v>
      </c>
      <c r="L33" s="247">
        <f>39900/$K33</f>
        <v>10257.069408740359</v>
      </c>
      <c r="M33" s="232">
        <f>ROUND((PTV*$K33),2)</f>
        <v>1.6</v>
      </c>
      <c r="N33" s="113"/>
      <c r="O33" s="114" t="str">
        <f t="shared" si="4"/>
        <v xml:space="preserve">    -</v>
      </c>
      <c r="P33" s="115"/>
      <c r="Q33" s="116" t="str">
        <f>IF(P33="","    -",ROUNDUP($P33/$E33,0)*$K33)</f>
        <v xml:space="preserve">    -</v>
      </c>
      <c r="R33" s="61"/>
      <c r="S33" s="109">
        <f t="shared" si="1"/>
        <v>0</v>
      </c>
      <c r="T33" s="109">
        <f t="shared" si="8"/>
        <v>0</v>
      </c>
      <c r="U33" s="110"/>
      <c r="W33" s="117"/>
    </row>
    <row r="34" spans="1:23" ht="18.95" customHeight="1">
      <c r="A34" s="184"/>
      <c r="B34" s="192"/>
      <c r="C34" s="245" t="s">
        <v>195</v>
      </c>
      <c r="D34" s="245" t="s">
        <v>196</v>
      </c>
      <c r="E34" s="233">
        <v>400</v>
      </c>
      <c r="F34" s="245" t="s">
        <v>76</v>
      </c>
      <c r="G34" s="119" t="s">
        <v>197</v>
      </c>
      <c r="H34" s="254"/>
      <c r="I34" s="255" t="s">
        <v>198</v>
      </c>
      <c r="J34" s="119" t="s">
        <v>199</v>
      </c>
      <c r="K34" s="246">
        <v>3.34</v>
      </c>
      <c r="L34" s="247">
        <f>39900/$K34</f>
        <v>11946.107784431138</v>
      </c>
      <c r="M34" s="232">
        <f>ROUND((PTV*$K34),2)</f>
        <v>1.37</v>
      </c>
      <c r="N34" s="113"/>
      <c r="O34" s="114" t="str">
        <f t="shared" si="4"/>
        <v xml:space="preserve">    -</v>
      </c>
      <c r="P34" s="115"/>
      <c r="Q34" s="116" t="str">
        <f>IF(P34="","    -",ROUNDUP($P34/$E34,0)*$K34)</f>
        <v xml:space="preserve">    -</v>
      </c>
      <c r="R34" s="61"/>
      <c r="S34" s="109">
        <f t="shared" si="1"/>
        <v>0</v>
      </c>
      <c r="T34" s="109">
        <f t="shared" si="8"/>
        <v>0</v>
      </c>
      <c r="U34" s="110"/>
      <c r="W34" s="117"/>
    </row>
    <row r="35" spans="1:23" ht="18.95" customHeight="1">
      <c r="A35" s="184"/>
      <c r="B35" s="192"/>
      <c r="C35" s="226" t="s">
        <v>115</v>
      </c>
      <c r="D35" s="226" t="s">
        <v>121</v>
      </c>
      <c r="E35" s="233">
        <v>773</v>
      </c>
      <c r="F35" s="245" t="s">
        <v>76</v>
      </c>
      <c r="G35" s="119" t="s">
        <v>200</v>
      </c>
      <c r="H35" s="254"/>
      <c r="I35" s="255" t="s">
        <v>201</v>
      </c>
      <c r="J35" s="119" t="s">
        <v>202</v>
      </c>
      <c r="K35" s="246">
        <v>6.45</v>
      </c>
      <c r="L35" s="247">
        <f>39900/$K35</f>
        <v>6186.0465116279065</v>
      </c>
      <c r="M35" s="232">
        <f>ROUND((PTV*$K35),2)</f>
        <v>2.65</v>
      </c>
      <c r="N35" s="113"/>
      <c r="O35" s="114" t="str">
        <f t="shared" si="4"/>
        <v xml:space="preserve">    -</v>
      </c>
      <c r="P35" s="115"/>
      <c r="Q35" s="116" t="str">
        <f>IF(P35="","    -",ROUNDUP($P35/$E35,0)*$K35)</f>
        <v xml:space="preserve">    -</v>
      </c>
      <c r="R35" s="61"/>
      <c r="S35" s="109">
        <f t="shared" si="1"/>
        <v>0</v>
      </c>
      <c r="T35" s="109"/>
      <c r="U35" s="110"/>
      <c r="W35" s="117"/>
    </row>
    <row r="36" spans="1:23" ht="18.95" customHeight="1">
      <c r="A36" s="184"/>
      <c r="B36" s="192"/>
      <c r="C36" s="226" t="s">
        <v>80</v>
      </c>
      <c r="D36" s="226" t="s">
        <v>81</v>
      </c>
      <c r="E36" s="227">
        <v>1141</v>
      </c>
      <c r="F36" s="226" t="s">
        <v>76</v>
      </c>
      <c r="G36" s="143" t="s">
        <v>203</v>
      </c>
      <c r="H36" s="254"/>
      <c r="I36" s="255" t="s">
        <v>204</v>
      </c>
      <c r="J36" s="119" t="s">
        <v>205</v>
      </c>
      <c r="K36" s="246">
        <v>9.51</v>
      </c>
      <c r="L36" s="247">
        <f>39900/$K36</f>
        <v>4195.5835962145111</v>
      </c>
      <c r="M36" s="232">
        <f>ROUND((PTV*$K36),2)</f>
        <v>3.9</v>
      </c>
      <c r="N36" s="113"/>
      <c r="O36" s="114" t="str">
        <f t="shared" si="4"/>
        <v xml:space="preserve">    -</v>
      </c>
      <c r="P36" s="115"/>
      <c r="Q36" s="116" t="str">
        <f>IF(P36="","    -",ROUNDUP($P36/$E36,0)*$K36)</f>
        <v xml:space="preserve">    -</v>
      </c>
      <c r="R36" s="61"/>
      <c r="S36" s="109"/>
      <c r="T36" s="109"/>
      <c r="U36" s="110"/>
      <c r="W36" s="117"/>
    </row>
    <row r="37" spans="1:23" ht="9" customHeight="1" thickBot="1">
      <c r="A37" s="184"/>
      <c r="B37" s="192"/>
      <c r="C37" s="226"/>
      <c r="D37" s="226"/>
      <c r="E37" s="227"/>
      <c r="F37" s="226"/>
      <c r="G37" s="103"/>
      <c r="H37" s="228"/>
      <c r="I37" s="229"/>
      <c r="J37" s="104"/>
      <c r="K37" s="230"/>
      <c r="L37" s="231"/>
      <c r="M37" s="232"/>
      <c r="N37" s="132"/>
      <c r="O37" s="133"/>
      <c r="P37" s="132"/>
      <c r="Q37" s="133"/>
      <c r="R37" s="61"/>
      <c r="S37" s="109"/>
      <c r="T37" s="109"/>
      <c r="U37" s="110"/>
      <c r="W37" s="117"/>
    </row>
    <row r="38" spans="1:23" ht="18.95" customHeight="1">
      <c r="A38" s="184"/>
      <c r="B38" s="191" t="s">
        <v>73</v>
      </c>
      <c r="C38" s="225" t="s">
        <v>206</v>
      </c>
      <c r="D38" s="226" t="s">
        <v>207</v>
      </c>
      <c r="E38" s="256">
        <v>412</v>
      </c>
      <c r="F38" s="245" t="s">
        <v>175</v>
      </c>
      <c r="G38" s="144" t="s">
        <v>208</v>
      </c>
      <c r="H38" s="228"/>
      <c r="I38" s="229" t="s">
        <v>209</v>
      </c>
      <c r="J38" s="145" t="s">
        <v>210</v>
      </c>
      <c r="K38" s="230">
        <v>5.9</v>
      </c>
      <c r="L38" s="231">
        <f>39900/$K38</f>
        <v>6762.7118644067796</v>
      </c>
      <c r="M38" s="232">
        <f t="shared" ref="M38:M53" si="9">ROUND((PTV*$K38),2)</f>
        <v>2.42</v>
      </c>
      <c r="N38" s="105"/>
      <c r="O38" s="106" t="str">
        <f t="shared" si="4"/>
        <v xml:space="preserve">    -</v>
      </c>
      <c r="P38" s="107"/>
      <c r="Q38" s="108" t="str">
        <f t="shared" si="5"/>
        <v xml:space="preserve">    -</v>
      </c>
      <c r="R38" s="61"/>
      <c r="S38" s="109">
        <f t="shared" si="1"/>
        <v>0</v>
      </c>
      <c r="T38" s="109">
        <f t="shared" si="3"/>
        <v>0</v>
      </c>
      <c r="U38" s="110"/>
      <c r="W38" s="117"/>
    </row>
    <row r="39" spans="1:23" ht="18.95" customHeight="1">
      <c r="A39" s="184"/>
      <c r="B39" s="191" t="s">
        <v>73</v>
      </c>
      <c r="C39" s="225" t="s">
        <v>211</v>
      </c>
      <c r="D39" s="226" t="s">
        <v>212</v>
      </c>
      <c r="E39" s="257">
        <v>530</v>
      </c>
      <c r="F39" s="245" t="s">
        <v>213</v>
      </c>
      <c r="G39" s="144" t="s">
        <v>214</v>
      </c>
      <c r="H39" s="228"/>
      <c r="I39" s="229" t="s">
        <v>215</v>
      </c>
      <c r="J39" s="146" t="s">
        <v>216</v>
      </c>
      <c r="K39" s="230">
        <v>10.32</v>
      </c>
      <c r="L39" s="231">
        <f t="shared" ref="L39:L53" si="10">39900/$K39</f>
        <v>3866.2790697674418</v>
      </c>
      <c r="M39" s="232">
        <f t="shared" si="9"/>
        <v>4.24</v>
      </c>
      <c r="N39" s="113"/>
      <c r="O39" s="114" t="str">
        <f t="shared" si="4"/>
        <v xml:space="preserve">    -</v>
      </c>
      <c r="P39" s="115"/>
      <c r="Q39" s="116" t="str">
        <f t="shared" si="5"/>
        <v xml:space="preserve">    -</v>
      </c>
      <c r="R39" s="61"/>
      <c r="S39" s="109">
        <f t="shared" si="1"/>
        <v>0</v>
      </c>
      <c r="T39" s="109">
        <f t="shared" si="3"/>
        <v>0</v>
      </c>
      <c r="U39" s="110"/>
      <c r="W39" s="117"/>
    </row>
    <row r="40" spans="1:23" ht="18.95" customHeight="1">
      <c r="A40" s="184"/>
      <c r="B40" s="191" t="s">
        <v>73</v>
      </c>
      <c r="C40" s="225" t="s">
        <v>211</v>
      </c>
      <c r="D40" s="226" t="s">
        <v>212</v>
      </c>
      <c r="E40" s="257">
        <v>530</v>
      </c>
      <c r="F40" s="245" t="s">
        <v>213</v>
      </c>
      <c r="G40" s="103" t="s">
        <v>217</v>
      </c>
      <c r="H40" s="228"/>
      <c r="I40" s="229" t="s">
        <v>218</v>
      </c>
      <c r="J40" s="146" t="s">
        <v>219</v>
      </c>
      <c r="K40" s="246">
        <v>10.67</v>
      </c>
      <c r="L40" s="231">
        <f t="shared" si="10"/>
        <v>3739.4564198687908</v>
      </c>
      <c r="M40" s="232">
        <f t="shared" si="9"/>
        <v>4.38</v>
      </c>
      <c r="N40" s="113"/>
      <c r="O40" s="114" t="str">
        <f t="shared" si="4"/>
        <v xml:space="preserve">    -</v>
      </c>
      <c r="P40" s="115"/>
      <c r="Q40" s="116" t="str">
        <f t="shared" si="5"/>
        <v xml:space="preserve">    -</v>
      </c>
      <c r="R40" s="61"/>
      <c r="S40" s="109">
        <f t="shared" si="1"/>
        <v>0</v>
      </c>
      <c r="T40" s="109">
        <f t="shared" si="3"/>
        <v>0</v>
      </c>
      <c r="U40" s="110"/>
      <c r="W40" s="117"/>
    </row>
    <row r="41" spans="1:23" ht="18.95" customHeight="1">
      <c r="A41" s="184"/>
      <c r="B41" s="192" t="s">
        <v>73</v>
      </c>
      <c r="C41" s="258" t="s">
        <v>220</v>
      </c>
      <c r="D41" s="226" t="s">
        <v>221</v>
      </c>
      <c r="E41" s="245">
        <v>420</v>
      </c>
      <c r="F41" s="245" t="s">
        <v>175</v>
      </c>
      <c r="G41" s="103" t="s">
        <v>222</v>
      </c>
      <c r="H41" s="228"/>
      <c r="I41" s="229" t="s">
        <v>223</v>
      </c>
      <c r="J41" s="146" t="s">
        <v>224</v>
      </c>
      <c r="K41" s="230">
        <v>7.33</v>
      </c>
      <c r="L41" s="231">
        <f t="shared" si="10"/>
        <v>5443.3833560709409</v>
      </c>
      <c r="M41" s="232">
        <f t="shared" si="9"/>
        <v>3.01</v>
      </c>
      <c r="N41" s="113"/>
      <c r="O41" s="114" t="str">
        <f t="shared" si="4"/>
        <v xml:space="preserve">    -</v>
      </c>
      <c r="P41" s="115"/>
      <c r="Q41" s="116" t="str">
        <f t="shared" si="5"/>
        <v xml:space="preserve">    -</v>
      </c>
      <c r="R41" s="61"/>
      <c r="S41" s="109">
        <f>N41*M41</f>
        <v>0</v>
      </c>
      <c r="T41" s="109">
        <f t="shared" si="3"/>
        <v>0</v>
      </c>
      <c r="U41" s="110"/>
      <c r="W41" s="117"/>
    </row>
    <row r="42" spans="1:23" ht="18.95" customHeight="1">
      <c r="A42" s="184"/>
      <c r="B42" s="192" t="s">
        <v>73</v>
      </c>
      <c r="C42" s="225" t="s">
        <v>220</v>
      </c>
      <c r="D42" s="226" t="s">
        <v>221</v>
      </c>
      <c r="E42" s="245">
        <v>450</v>
      </c>
      <c r="F42" s="245" t="s">
        <v>225</v>
      </c>
      <c r="G42" s="103" t="s">
        <v>226</v>
      </c>
      <c r="H42" s="228"/>
      <c r="I42" s="229" t="s">
        <v>227</v>
      </c>
      <c r="J42" s="146" t="s">
        <v>228</v>
      </c>
      <c r="K42" s="246">
        <v>7.52</v>
      </c>
      <c r="L42" s="231">
        <f t="shared" si="10"/>
        <v>5305.8510638297876</v>
      </c>
      <c r="M42" s="232">
        <f t="shared" si="9"/>
        <v>3.09</v>
      </c>
      <c r="N42" s="113"/>
      <c r="O42" s="114" t="str">
        <f t="shared" si="4"/>
        <v xml:space="preserve">    -</v>
      </c>
      <c r="P42" s="115"/>
      <c r="Q42" s="116" t="str">
        <f t="shared" si="5"/>
        <v xml:space="preserve">    -</v>
      </c>
      <c r="R42" s="61"/>
      <c r="S42" s="109">
        <f t="shared" si="1"/>
        <v>0</v>
      </c>
      <c r="T42" s="109">
        <f t="shared" si="3"/>
        <v>0</v>
      </c>
      <c r="U42" s="110"/>
      <c r="W42" s="117"/>
    </row>
    <row r="43" spans="1:23" ht="18.95" customHeight="1">
      <c r="A43" s="184"/>
      <c r="B43" s="192"/>
      <c r="C43" s="226" t="s">
        <v>211</v>
      </c>
      <c r="D43" s="226" t="s">
        <v>212</v>
      </c>
      <c r="E43" s="257">
        <v>530</v>
      </c>
      <c r="F43" s="245" t="s">
        <v>213</v>
      </c>
      <c r="G43" s="103" t="s">
        <v>229</v>
      </c>
      <c r="H43" s="228"/>
      <c r="I43" s="229" t="s">
        <v>230</v>
      </c>
      <c r="J43" s="146" t="s">
        <v>231</v>
      </c>
      <c r="K43" s="230">
        <v>12.26</v>
      </c>
      <c r="L43" s="231">
        <f t="shared" si="10"/>
        <v>3254.4861337683524</v>
      </c>
      <c r="M43" s="232">
        <f t="shared" si="9"/>
        <v>5.03</v>
      </c>
      <c r="N43" s="113"/>
      <c r="O43" s="114" t="str">
        <f t="shared" si="4"/>
        <v xml:space="preserve">    -</v>
      </c>
      <c r="P43" s="115"/>
      <c r="Q43" s="116" t="str">
        <f t="shared" si="5"/>
        <v xml:space="preserve">    -</v>
      </c>
      <c r="R43" s="61"/>
      <c r="S43" s="109">
        <f t="shared" si="1"/>
        <v>0</v>
      </c>
      <c r="T43" s="109">
        <f t="shared" si="3"/>
        <v>0</v>
      </c>
      <c r="U43" s="110"/>
      <c r="W43" s="117"/>
    </row>
    <row r="44" spans="1:23" ht="18.95" customHeight="1">
      <c r="A44" s="184"/>
      <c r="B44" s="191" t="s">
        <v>73</v>
      </c>
      <c r="C44" s="258" t="s">
        <v>211</v>
      </c>
      <c r="D44" s="226" t="s">
        <v>212</v>
      </c>
      <c r="E44" s="257">
        <v>530</v>
      </c>
      <c r="F44" s="245" t="s">
        <v>213</v>
      </c>
      <c r="G44" s="103" t="s">
        <v>232</v>
      </c>
      <c r="H44" s="228"/>
      <c r="I44" s="259" t="s">
        <v>233</v>
      </c>
      <c r="J44" s="146" t="s">
        <v>234</v>
      </c>
      <c r="K44" s="260">
        <v>12.26</v>
      </c>
      <c r="L44" s="231">
        <f t="shared" si="10"/>
        <v>3254.4861337683524</v>
      </c>
      <c r="M44" s="232">
        <f t="shared" si="9"/>
        <v>5.03</v>
      </c>
      <c r="N44" s="113"/>
      <c r="O44" s="114" t="str">
        <f t="shared" si="4"/>
        <v xml:space="preserve">    -</v>
      </c>
      <c r="P44" s="115"/>
      <c r="Q44" s="116" t="str">
        <f t="shared" si="5"/>
        <v xml:space="preserve">    -</v>
      </c>
      <c r="R44" s="61"/>
      <c r="S44" s="109">
        <f t="shared" si="1"/>
        <v>0</v>
      </c>
      <c r="T44" s="109">
        <f t="shared" si="3"/>
        <v>0</v>
      </c>
      <c r="U44" s="110"/>
      <c r="W44" s="117"/>
    </row>
    <row r="45" spans="1:23" ht="18.95" customHeight="1">
      <c r="A45" s="195"/>
      <c r="B45" s="196" t="s">
        <v>73</v>
      </c>
      <c r="C45" s="245" t="s">
        <v>220</v>
      </c>
      <c r="D45" s="245" t="s">
        <v>221</v>
      </c>
      <c r="E45" s="257">
        <v>573</v>
      </c>
      <c r="F45" s="245" t="s">
        <v>235</v>
      </c>
      <c r="G45" s="142" t="s">
        <v>236</v>
      </c>
      <c r="H45" s="240"/>
      <c r="I45" s="255" t="s">
        <v>237</v>
      </c>
      <c r="J45" s="146" t="s">
        <v>238</v>
      </c>
      <c r="K45" s="246">
        <v>15.35</v>
      </c>
      <c r="L45" s="231">
        <f t="shared" si="10"/>
        <v>2599.3485342019544</v>
      </c>
      <c r="M45" s="232">
        <f t="shared" si="9"/>
        <v>6.3</v>
      </c>
      <c r="N45" s="113"/>
      <c r="O45" s="114" t="str">
        <f t="shared" si="4"/>
        <v xml:space="preserve">    -</v>
      </c>
      <c r="P45" s="115"/>
      <c r="Q45" s="116" t="str">
        <f t="shared" si="5"/>
        <v xml:space="preserve">    -</v>
      </c>
      <c r="R45" s="61"/>
      <c r="S45" s="109">
        <f t="shared" si="1"/>
        <v>0</v>
      </c>
      <c r="T45" s="109">
        <f t="shared" si="3"/>
        <v>0</v>
      </c>
      <c r="U45" s="110"/>
      <c r="W45" s="117"/>
    </row>
    <row r="46" spans="1:23" ht="18.95" customHeight="1">
      <c r="A46" s="195"/>
      <c r="B46" s="196" t="s">
        <v>73</v>
      </c>
      <c r="C46" s="245" t="s">
        <v>239</v>
      </c>
      <c r="D46" s="245" t="s">
        <v>212</v>
      </c>
      <c r="E46" s="257">
        <v>289</v>
      </c>
      <c r="F46" s="245" t="s">
        <v>240</v>
      </c>
      <c r="G46" s="142" t="s">
        <v>241</v>
      </c>
      <c r="H46" s="240"/>
      <c r="I46" s="255" t="s">
        <v>242</v>
      </c>
      <c r="J46" s="146" t="s">
        <v>243</v>
      </c>
      <c r="K46" s="246">
        <v>5.22</v>
      </c>
      <c r="L46" s="247">
        <f t="shared" si="10"/>
        <v>7643.6781609195405</v>
      </c>
      <c r="M46" s="232">
        <f t="shared" si="9"/>
        <v>2.14</v>
      </c>
      <c r="N46" s="113"/>
      <c r="O46" s="114" t="str">
        <f t="shared" si="4"/>
        <v xml:space="preserve">    -</v>
      </c>
      <c r="P46" s="115"/>
      <c r="Q46" s="116" t="str">
        <f t="shared" si="5"/>
        <v xml:space="preserve">    -</v>
      </c>
      <c r="R46" s="61"/>
      <c r="S46" s="109">
        <f t="shared" si="1"/>
        <v>0</v>
      </c>
      <c r="T46" s="109">
        <f t="shared" si="3"/>
        <v>0</v>
      </c>
      <c r="U46" s="110"/>
      <c r="W46" s="117"/>
    </row>
    <row r="47" spans="1:23" ht="18.95" customHeight="1">
      <c r="A47" s="184"/>
      <c r="B47" s="191" t="s">
        <v>73</v>
      </c>
      <c r="C47" s="226" t="s">
        <v>244</v>
      </c>
      <c r="D47" s="226" t="s">
        <v>245</v>
      </c>
      <c r="E47" s="257">
        <v>498</v>
      </c>
      <c r="F47" s="245" t="s">
        <v>246</v>
      </c>
      <c r="G47" s="103" t="s">
        <v>247</v>
      </c>
      <c r="H47" s="228"/>
      <c r="I47" s="229" t="s">
        <v>248</v>
      </c>
      <c r="J47" s="146" t="s">
        <v>249</v>
      </c>
      <c r="K47" s="246">
        <v>10.52</v>
      </c>
      <c r="L47" s="231">
        <f t="shared" si="10"/>
        <v>3792.7756653992396</v>
      </c>
      <c r="M47" s="232">
        <f t="shared" si="9"/>
        <v>4.32</v>
      </c>
      <c r="N47" s="113"/>
      <c r="O47" s="114" t="str">
        <f t="shared" si="4"/>
        <v xml:space="preserve">    -</v>
      </c>
      <c r="P47" s="115"/>
      <c r="Q47" s="116" t="str">
        <f t="shared" si="5"/>
        <v xml:space="preserve">    -</v>
      </c>
      <c r="R47" s="61"/>
      <c r="S47" s="109">
        <f t="shared" si="1"/>
        <v>0</v>
      </c>
      <c r="T47" s="109">
        <f t="shared" si="3"/>
        <v>0</v>
      </c>
      <c r="U47" s="110"/>
      <c r="W47" s="117"/>
    </row>
    <row r="48" spans="1:23" ht="18.95" customHeight="1">
      <c r="A48" s="184"/>
      <c r="B48" s="191" t="s">
        <v>73</v>
      </c>
      <c r="C48" s="226" t="s">
        <v>220</v>
      </c>
      <c r="D48" s="226" t="s">
        <v>221</v>
      </c>
      <c r="E48" s="257">
        <v>573</v>
      </c>
      <c r="F48" s="245" t="s">
        <v>235</v>
      </c>
      <c r="G48" s="103" t="s">
        <v>250</v>
      </c>
      <c r="H48" s="228"/>
      <c r="I48" s="229" t="s">
        <v>251</v>
      </c>
      <c r="J48" s="146" t="s">
        <v>252</v>
      </c>
      <c r="K48" s="246">
        <v>17.41</v>
      </c>
      <c r="L48" s="231">
        <f t="shared" si="10"/>
        <v>2291.786329695577</v>
      </c>
      <c r="M48" s="232">
        <f t="shared" si="9"/>
        <v>7.15</v>
      </c>
      <c r="N48" s="113"/>
      <c r="O48" s="114" t="str">
        <f t="shared" si="4"/>
        <v xml:space="preserve">    -</v>
      </c>
      <c r="P48" s="115"/>
      <c r="Q48" s="116" t="str">
        <f t="shared" si="5"/>
        <v xml:space="preserve">    -</v>
      </c>
      <c r="R48" s="61"/>
      <c r="S48" s="109">
        <f t="shared" si="1"/>
        <v>0</v>
      </c>
      <c r="T48" s="109">
        <f t="shared" si="3"/>
        <v>0</v>
      </c>
      <c r="U48" s="110"/>
      <c r="W48" s="117"/>
    </row>
    <row r="49" spans="1:23" ht="18.95" customHeight="1">
      <c r="A49" s="184"/>
      <c r="B49" s="191"/>
      <c r="C49" s="226" t="s">
        <v>253</v>
      </c>
      <c r="D49" s="226" t="s">
        <v>254</v>
      </c>
      <c r="E49" s="239">
        <v>1332</v>
      </c>
      <c r="F49" s="245" t="s">
        <v>255</v>
      </c>
      <c r="G49" s="103" t="s">
        <v>256</v>
      </c>
      <c r="H49" s="228"/>
      <c r="I49" s="229" t="s">
        <v>257</v>
      </c>
      <c r="J49" s="146" t="s">
        <v>258</v>
      </c>
      <c r="K49" s="246">
        <v>30.97</v>
      </c>
      <c r="L49" s="231">
        <f t="shared" si="10"/>
        <v>1288.3435582822087</v>
      </c>
      <c r="M49" s="232">
        <f t="shared" si="9"/>
        <v>12.71</v>
      </c>
      <c r="N49" s="113"/>
      <c r="O49" s="114" t="str">
        <f t="shared" si="4"/>
        <v xml:space="preserve">    -</v>
      </c>
      <c r="P49" s="115"/>
      <c r="Q49" s="116" t="str">
        <f t="shared" si="5"/>
        <v xml:space="preserve">    -</v>
      </c>
      <c r="R49" s="61"/>
      <c r="S49" s="109">
        <f t="shared" si="1"/>
        <v>0</v>
      </c>
      <c r="T49" s="109">
        <f t="shared" si="3"/>
        <v>0</v>
      </c>
      <c r="U49" s="110"/>
      <c r="W49" s="117"/>
    </row>
    <row r="50" spans="1:23" ht="18.95" customHeight="1">
      <c r="A50" s="184"/>
      <c r="B50" s="191" t="s">
        <v>73</v>
      </c>
      <c r="C50" s="226" t="s">
        <v>211</v>
      </c>
      <c r="D50" s="226" t="s">
        <v>212</v>
      </c>
      <c r="E50" s="257">
        <v>530</v>
      </c>
      <c r="F50" s="245" t="s">
        <v>213</v>
      </c>
      <c r="G50" s="103" t="s">
        <v>259</v>
      </c>
      <c r="H50" s="228"/>
      <c r="I50" s="229" t="s">
        <v>260</v>
      </c>
      <c r="J50" s="146" t="s">
        <v>261</v>
      </c>
      <c r="K50" s="246">
        <v>9.7200000000000006</v>
      </c>
      <c r="L50" s="231">
        <f t="shared" si="10"/>
        <v>4104.9382716049377</v>
      </c>
      <c r="M50" s="232">
        <f t="shared" si="9"/>
        <v>3.99</v>
      </c>
      <c r="N50" s="113"/>
      <c r="O50" s="114" t="str">
        <f t="shared" si="4"/>
        <v xml:space="preserve">    -</v>
      </c>
      <c r="P50" s="115"/>
      <c r="Q50" s="116" t="str">
        <f t="shared" si="5"/>
        <v xml:space="preserve">    -</v>
      </c>
      <c r="R50" s="61"/>
      <c r="S50" s="109">
        <f t="shared" si="1"/>
        <v>0</v>
      </c>
      <c r="T50" s="109">
        <f t="shared" si="3"/>
        <v>0</v>
      </c>
      <c r="U50" s="110"/>
    </row>
    <row r="51" spans="1:23" ht="18.95" customHeight="1">
      <c r="A51" s="184"/>
      <c r="B51" s="191" t="s">
        <v>73</v>
      </c>
      <c r="C51" s="226" t="s">
        <v>211</v>
      </c>
      <c r="D51" s="226" t="s">
        <v>212</v>
      </c>
      <c r="E51" s="257">
        <v>572</v>
      </c>
      <c r="F51" s="245" t="s">
        <v>262</v>
      </c>
      <c r="G51" s="103" t="s">
        <v>263</v>
      </c>
      <c r="H51" s="261"/>
      <c r="I51" s="229" t="s">
        <v>264</v>
      </c>
      <c r="J51" s="146" t="s">
        <v>265</v>
      </c>
      <c r="K51" s="246">
        <v>16.260000000000002</v>
      </c>
      <c r="L51" s="231">
        <f t="shared" si="10"/>
        <v>2453.8745387453873</v>
      </c>
      <c r="M51" s="232">
        <f t="shared" si="9"/>
        <v>6.67</v>
      </c>
      <c r="N51" s="113"/>
      <c r="O51" s="114" t="str">
        <f t="shared" si="4"/>
        <v xml:space="preserve">    -</v>
      </c>
      <c r="P51" s="115"/>
      <c r="Q51" s="116" t="str">
        <f t="shared" si="5"/>
        <v xml:space="preserve">    -</v>
      </c>
      <c r="R51" s="61"/>
      <c r="S51" s="109">
        <f t="shared" si="1"/>
        <v>0</v>
      </c>
      <c r="T51" s="109">
        <f t="shared" si="3"/>
        <v>0</v>
      </c>
      <c r="U51" s="110"/>
    </row>
    <row r="52" spans="1:23" ht="18.95" customHeight="1">
      <c r="A52" s="184"/>
      <c r="B52" s="191"/>
      <c r="C52" s="226" t="s">
        <v>211</v>
      </c>
      <c r="D52" s="226" t="s">
        <v>212</v>
      </c>
      <c r="E52" s="257">
        <v>318</v>
      </c>
      <c r="F52" s="245" t="s">
        <v>266</v>
      </c>
      <c r="G52" s="103" t="s">
        <v>267</v>
      </c>
      <c r="H52" s="261"/>
      <c r="I52" s="229" t="s">
        <v>268</v>
      </c>
      <c r="J52" s="146" t="s">
        <v>269</v>
      </c>
      <c r="K52" s="246">
        <v>8.9600000000000009</v>
      </c>
      <c r="L52" s="231">
        <f t="shared" si="10"/>
        <v>4453.125</v>
      </c>
      <c r="M52" s="232">
        <f t="shared" si="9"/>
        <v>3.68</v>
      </c>
      <c r="N52" s="113"/>
      <c r="O52" s="114" t="str">
        <f t="shared" si="4"/>
        <v xml:space="preserve">    -</v>
      </c>
      <c r="P52" s="115"/>
      <c r="Q52" s="116" t="str">
        <f t="shared" si="5"/>
        <v xml:space="preserve">    -</v>
      </c>
      <c r="R52" s="61"/>
      <c r="S52" s="109">
        <f t="shared" si="1"/>
        <v>0</v>
      </c>
      <c r="T52" s="109"/>
      <c r="U52" s="110"/>
    </row>
    <row r="53" spans="1:23" ht="18.95" customHeight="1" thickBot="1">
      <c r="A53" s="184"/>
      <c r="B53" s="191"/>
      <c r="C53" s="226" t="s">
        <v>211</v>
      </c>
      <c r="D53" s="226" t="s">
        <v>212</v>
      </c>
      <c r="E53" s="257">
        <v>318</v>
      </c>
      <c r="F53" s="245" t="s">
        <v>266</v>
      </c>
      <c r="G53" s="103" t="s">
        <v>270</v>
      </c>
      <c r="H53" s="261"/>
      <c r="I53" s="229" t="s">
        <v>271</v>
      </c>
      <c r="J53" s="146" t="s">
        <v>272</v>
      </c>
      <c r="K53" s="246">
        <v>9.0299999999999994</v>
      </c>
      <c r="L53" s="231">
        <f t="shared" si="10"/>
        <v>4418.604651162791</v>
      </c>
      <c r="M53" s="232">
        <f t="shared" si="9"/>
        <v>3.71</v>
      </c>
      <c r="N53" s="128"/>
      <c r="O53" s="129" t="str">
        <f t="shared" si="4"/>
        <v xml:space="preserve">    -</v>
      </c>
      <c r="P53" s="130"/>
      <c r="Q53" s="131" t="str">
        <f t="shared" si="5"/>
        <v xml:space="preserve">    -</v>
      </c>
      <c r="R53" s="61"/>
      <c r="S53" s="109">
        <f t="shared" si="1"/>
        <v>0</v>
      </c>
      <c r="T53" s="109"/>
      <c r="U53" s="110"/>
    </row>
    <row r="54" spans="1:23" ht="9" customHeight="1" thickBot="1">
      <c r="A54" s="184"/>
      <c r="B54" s="191"/>
      <c r="C54" s="226"/>
      <c r="D54" s="226"/>
      <c r="E54" s="225"/>
      <c r="F54" s="226"/>
      <c r="G54" s="103"/>
      <c r="H54" s="261"/>
      <c r="I54" s="229"/>
      <c r="J54" s="147"/>
      <c r="K54" s="230"/>
      <c r="L54" s="231"/>
      <c r="M54" s="232"/>
      <c r="N54" s="132"/>
      <c r="O54" s="133"/>
      <c r="P54" s="132"/>
      <c r="Q54" s="133"/>
      <c r="R54" s="61"/>
      <c r="S54" s="148"/>
      <c r="T54" s="109"/>
      <c r="U54" s="110"/>
      <c r="W54" s="117"/>
    </row>
    <row r="55" spans="1:23" ht="20.100000000000001" hidden="1" customHeight="1">
      <c r="A55" s="184"/>
      <c r="B55" s="191" t="s">
        <v>273</v>
      </c>
      <c r="C55" s="225" t="s">
        <v>274</v>
      </c>
      <c r="D55" s="226" t="s">
        <v>275</v>
      </c>
      <c r="E55" s="225">
        <v>69</v>
      </c>
      <c r="F55" s="226" t="s">
        <v>276</v>
      </c>
      <c r="G55" s="144" t="s">
        <v>277</v>
      </c>
      <c r="H55" s="261"/>
      <c r="I55" s="229" t="s">
        <v>278</v>
      </c>
      <c r="J55" s="147" t="s">
        <v>279</v>
      </c>
      <c r="K55" s="230">
        <v>6.45</v>
      </c>
      <c r="L55" s="231">
        <f>39900/$K55</f>
        <v>6186.0465116279065</v>
      </c>
      <c r="M55" s="232">
        <f>ROUND((PTV*$K55),2)</f>
        <v>2.65</v>
      </c>
      <c r="N55" s="149"/>
      <c r="O55" s="150" t="str">
        <f t="shared" si="4"/>
        <v xml:space="preserve">    -</v>
      </c>
      <c r="P55" s="151"/>
      <c r="Q55" s="150" t="str">
        <f t="shared" si="5"/>
        <v xml:space="preserve">    -</v>
      </c>
      <c r="R55" s="61"/>
      <c r="S55" s="109">
        <f>N55*M55</f>
        <v>0</v>
      </c>
      <c r="T55" s="109">
        <f t="shared" si="3"/>
        <v>0</v>
      </c>
      <c r="U55" s="110"/>
    </row>
    <row r="56" spans="1:23" ht="18.95" customHeight="1" thickBot="1">
      <c r="A56" s="184"/>
      <c r="B56" s="191"/>
      <c r="C56" s="257" t="s">
        <v>274</v>
      </c>
      <c r="D56" s="245" t="s">
        <v>280</v>
      </c>
      <c r="E56" s="239">
        <v>278</v>
      </c>
      <c r="F56" s="245" t="s">
        <v>266</v>
      </c>
      <c r="G56" s="152" t="s">
        <v>281</v>
      </c>
      <c r="H56" s="240"/>
      <c r="I56" s="250" t="s">
        <v>282</v>
      </c>
      <c r="J56" s="146" t="s">
        <v>283</v>
      </c>
      <c r="K56" s="246">
        <v>5.7</v>
      </c>
      <c r="L56" s="247">
        <f>39900/$K56</f>
        <v>7000</v>
      </c>
      <c r="M56" s="232">
        <f>ROUND((PTV*$K56),2)</f>
        <v>2.34</v>
      </c>
      <c r="N56" s="153"/>
      <c r="O56" s="154" t="str">
        <f t="shared" si="4"/>
        <v xml:space="preserve">    -</v>
      </c>
      <c r="P56" s="155"/>
      <c r="Q56" s="156" t="str">
        <f t="shared" si="5"/>
        <v xml:space="preserve">    -</v>
      </c>
      <c r="R56" s="61"/>
      <c r="S56" s="109">
        <f>N56*M56</f>
        <v>0</v>
      </c>
      <c r="T56" s="109">
        <f t="shared" si="3"/>
        <v>0</v>
      </c>
      <c r="U56" s="110"/>
      <c r="W56" s="117"/>
    </row>
    <row r="57" spans="1:23" ht="9" customHeight="1" thickBot="1">
      <c r="A57" s="197"/>
      <c r="B57" s="198"/>
      <c r="C57" s="262"/>
      <c r="D57" s="262"/>
      <c r="E57" s="262"/>
      <c r="F57" s="263"/>
      <c r="G57" s="263"/>
      <c r="H57" s="263"/>
      <c r="I57" s="159"/>
      <c r="J57" s="204"/>
      <c r="K57" s="159"/>
      <c r="L57" s="159"/>
      <c r="M57" s="159"/>
      <c r="N57" s="159"/>
      <c r="O57" s="160"/>
      <c r="P57" s="159"/>
      <c r="Q57" s="160"/>
      <c r="S57" s="161"/>
      <c r="T57" s="161"/>
    </row>
    <row r="58" spans="1:23" ht="29.25" customHeight="1" thickBot="1">
      <c r="A58" s="184"/>
      <c r="B58" s="197"/>
      <c r="C58" s="202"/>
      <c r="D58" s="264"/>
      <c r="E58" s="228"/>
      <c r="F58" s="228"/>
      <c r="G58" s="228"/>
      <c r="H58" s="228"/>
      <c r="I58" s="265"/>
      <c r="J58" s="265"/>
      <c r="K58" s="271" t="s">
        <v>284</v>
      </c>
      <c r="L58" s="271"/>
      <c r="M58" s="272"/>
      <c r="N58" s="162">
        <f>SUM(N8:N20, N22:N32, N38:N53, N56:N56)</f>
        <v>0</v>
      </c>
      <c r="O58" s="163">
        <f>SUM(O8:O20, O22:O32, O38:O53, O56:O56)</f>
        <v>0</v>
      </c>
      <c r="P58" s="162">
        <f>SUM(P8:P20, P22:P32, P38:P53, P56:P56)</f>
        <v>0</v>
      </c>
      <c r="Q58" s="164">
        <f>SUM(Q8:Q20, Q22:Q32, Q38:Q53, Q56:Q56)</f>
        <v>0</v>
      </c>
      <c r="R58" s="165"/>
      <c r="S58" s="166">
        <f>SUM(S8:S20, S22:S32, S38:S53, S56:S56)</f>
        <v>0</v>
      </c>
      <c r="T58" s="166">
        <f>SUM(T8:T20, T22:T32, T38:T53, T56:T56)</f>
        <v>0</v>
      </c>
      <c r="V58" s="167"/>
    </row>
    <row r="59" spans="1:23" ht="30.75" customHeight="1" thickBot="1">
      <c r="A59" s="199"/>
      <c r="B59" s="200"/>
      <c r="C59" s="273" t="str">
        <f>("*100332 = Totes of Tomato Paste / 1 Tote = 2,850 lbs of Paste / 1 truckload of 100332 = 14 Totes or "&amp;TLW&amp;" lbs of Paste")</f>
        <v>*100332 = Totes of Tomato Paste / 1 Tote = 2,850 lbs of Paste / 1 truckload of 100332 = 14 Totes or 39900 lbs of Paste</v>
      </c>
      <c r="D59" s="273"/>
      <c r="E59" s="273"/>
      <c r="F59" s="273"/>
      <c r="G59" s="273"/>
      <c r="H59" s="273"/>
      <c r="I59" s="273"/>
      <c r="J59" s="273"/>
      <c r="K59" s="274" t="s">
        <v>285</v>
      </c>
      <c r="L59" s="274"/>
      <c r="M59" s="272"/>
      <c r="N59" s="275">
        <f>S58</f>
        <v>0</v>
      </c>
      <c r="O59" s="276"/>
      <c r="P59" s="277">
        <f>T58</f>
        <v>0</v>
      </c>
      <c r="Q59" s="278"/>
      <c r="R59" s="61"/>
      <c r="S59" s="66"/>
      <c r="T59" s="66"/>
    </row>
    <row r="60" spans="1:23" ht="20.100000000000001" customHeight="1">
      <c r="A60" s="184"/>
      <c r="B60" s="184"/>
      <c r="C60" s="266" t="s">
        <v>286</v>
      </c>
      <c r="D60" s="266"/>
      <c r="E60" s="266"/>
      <c r="F60" s="266"/>
      <c r="G60" s="266"/>
      <c r="H60" s="266"/>
      <c r="I60" s="266"/>
      <c r="J60" s="266"/>
      <c r="K60" s="201"/>
      <c r="L60" s="201"/>
      <c r="M60" s="201"/>
      <c r="N60" s="168"/>
      <c r="O60" s="169"/>
      <c r="P60" s="170"/>
      <c r="Q60" s="171"/>
      <c r="R60" s="61"/>
      <c r="S60" s="172"/>
      <c r="T60" s="66"/>
    </row>
    <row r="61" spans="1:23" ht="20.100000000000001" customHeight="1">
      <c r="A61" s="184"/>
      <c r="B61" s="184"/>
      <c r="C61" s="267" t="s">
        <v>71</v>
      </c>
      <c r="D61" s="267"/>
      <c r="E61" s="267"/>
      <c r="F61" s="267"/>
      <c r="G61" s="267"/>
      <c r="H61" s="267"/>
      <c r="I61" s="267"/>
      <c r="J61" s="267"/>
      <c r="K61" s="267"/>
      <c r="L61" s="267"/>
      <c r="M61" s="267"/>
      <c r="N61" s="173"/>
      <c r="O61" s="173"/>
      <c r="P61" s="173"/>
      <c r="Q61" s="173"/>
      <c r="R61" s="174"/>
      <c r="S61" s="175"/>
      <c r="T61" s="66"/>
    </row>
    <row r="62" spans="1:23" ht="39.950000000000003" customHeight="1">
      <c r="A62" s="61"/>
      <c r="B62" s="61"/>
      <c r="C62" s="268" t="str">
        <f>V17</f>
        <v>The Pass Thru Value (PTV) or NOI (Net Off Invoice) discount amount has been determined based on the quantity of tomato paste in the products being offered under this program. 100332 values quoted for the SY2018/2019 were provided by FNS via the 12/01/2017 NMPA notification @ $0.4105 per pound or $16,378.95 per truckload of paste. The corresponding Pass Through Value Discount per case for each product is indicated above.</v>
      </c>
      <c r="D62" s="268"/>
      <c r="E62" s="268"/>
      <c r="F62" s="268"/>
      <c r="G62" s="268"/>
      <c r="H62" s="268"/>
      <c r="I62" s="268"/>
      <c r="J62" s="268"/>
      <c r="K62" s="268"/>
      <c r="L62" s="268"/>
      <c r="M62" s="268"/>
      <c r="N62" s="268"/>
      <c r="O62" s="268"/>
      <c r="P62" s="268"/>
      <c r="Q62" s="268"/>
      <c r="R62" s="61"/>
      <c r="S62" s="66"/>
      <c r="T62" s="66"/>
    </row>
    <row r="63" spans="1:23" ht="20.100000000000001" customHeight="1">
      <c r="A63" s="61"/>
      <c r="B63" s="71"/>
      <c r="C63" s="269" t="s">
        <v>287</v>
      </c>
      <c r="D63" s="269"/>
      <c r="E63" s="269"/>
      <c r="F63" s="269"/>
      <c r="G63" s="269"/>
      <c r="H63" s="269"/>
      <c r="I63" s="269"/>
      <c r="J63" s="269"/>
      <c r="K63" s="269"/>
      <c r="L63" s="269"/>
      <c r="M63" s="269"/>
      <c r="N63" s="269"/>
      <c r="O63" s="269"/>
      <c r="P63" s="269"/>
      <c r="Q63" s="269"/>
      <c r="R63" s="97"/>
      <c r="S63" s="176"/>
      <c r="T63" s="66"/>
    </row>
    <row r="64" spans="1:23" ht="18">
      <c r="A64" s="177"/>
      <c r="C64" s="178"/>
      <c r="D64" s="178"/>
      <c r="E64" s="178"/>
      <c r="F64" s="177"/>
      <c r="G64" s="177"/>
      <c r="H64" s="177"/>
      <c r="I64" s="177"/>
      <c r="J64" s="179"/>
      <c r="K64" s="177"/>
      <c r="L64" s="177"/>
      <c r="M64" s="180"/>
      <c r="N64" s="177"/>
      <c r="O64" s="181"/>
      <c r="P64" s="177"/>
      <c r="Q64" s="181"/>
      <c r="R64" s="177"/>
      <c r="S64" s="66"/>
      <c r="T64" s="66"/>
    </row>
    <row r="65" spans="1:20">
      <c r="A65" s="177"/>
      <c r="C65" s="178"/>
      <c r="D65" s="178"/>
      <c r="E65" s="178"/>
      <c r="F65" s="177"/>
      <c r="G65" s="177"/>
      <c r="H65" s="177"/>
      <c r="I65" s="177"/>
      <c r="J65" s="179"/>
      <c r="K65" s="177"/>
      <c r="L65" s="177"/>
      <c r="M65" s="177"/>
      <c r="N65" s="177"/>
      <c r="O65" s="181"/>
      <c r="P65" s="177"/>
      <c r="Q65" s="181"/>
      <c r="R65" s="177"/>
      <c r="S65" s="66"/>
      <c r="T65" s="66"/>
    </row>
    <row r="66" spans="1:20">
      <c r="A66" s="177"/>
      <c r="C66" s="178"/>
      <c r="D66" s="178"/>
      <c r="E66" s="178"/>
      <c r="F66" s="177"/>
      <c r="G66" s="177"/>
      <c r="H66" s="177"/>
      <c r="I66" s="177"/>
      <c r="J66" s="179"/>
      <c r="K66" s="177"/>
      <c r="L66" s="177"/>
      <c r="M66" s="177"/>
      <c r="N66" s="177"/>
      <c r="O66" s="181"/>
      <c r="P66" s="177"/>
      <c r="Q66" s="181"/>
      <c r="R66" s="177"/>
      <c r="S66" s="66"/>
      <c r="T66" s="66"/>
    </row>
    <row r="67" spans="1:20">
      <c r="A67" s="177"/>
      <c r="C67" s="178"/>
      <c r="D67" s="178"/>
      <c r="E67" s="178"/>
      <c r="F67" s="177"/>
      <c r="G67" s="177"/>
      <c r="H67" s="177"/>
      <c r="I67" s="177"/>
      <c r="J67" s="179"/>
      <c r="K67" s="177"/>
      <c r="L67" s="177"/>
      <c r="M67" s="177"/>
      <c r="N67" s="177"/>
      <c r="O67" s="181"/>
      <c r="P67" s="177"/>
      <c r="Q67" s="181"/>
      <c r="R67" s="177"/>
      <c r="S67" s="66"/>
      <c r="T67" s="66"/>
    </row>
  </sheetData>
  <sheetProtection algorithmName="SHA-512" hashValue="elXpeJmABiZVvOO3XnpUTaylZbfJvQdiBXVQmkH9kEKD3rJ9I07BOup1w06BTL8UUNxmRNMiuYcVnnB+WJFq5g==" saltValue="vAA/8pLWaYfGJSKP2fk8cQ==" spinCount="100000" sheet="1" selectLockedCells="1"/>
  <mergeCells count="17">
    <mergeCell ref="N5:O5"/>
    <mergeCell ref="P5:Q5"/>
    <mergeCell ref="G2:H2"/>
    <mergeCell ref="N2:Q2"/>
    <mergeCell ref="G3:H3"/>
    <mergeCell ref="G4:H4"/>
    <mergeCell ref="N4:Q4"/>
    <mergeCell ref="C60:J60"/>
    <mergeCell ref="C61:M61"/>
    <mergeCell ref="C62:Q62"/>
    <mergeCell ref="C63:Q63"/>
    <mergeCell ref="G6:H6"/>
    <mergeCell ref="K58:M58"/>
    <mergeCell ref="C59:J59"/>
    <mergeCell ref="K59:M59"/>
    <mergeCell ref="N59:O59"/>
    <mergeCell ref="P59:Q59"/>
  </mergeCells>
  <printOptions horizontalCentered="1"/>
  <pageMargins left="0.25" right="0.25" top="0.25" bottom="0.25" header="0" footer="0"/>
  <pageSetup scale="48" fitToHeight="0"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dimension ref="A1:AL41"/>
  <sheetViews>
    <sheetView topLeftCell="A11" zoomScale="75" zoomScaleNormal="100" zoomScaleSheetLayoutView="75" workbookViewId="0">
      <selection activeCell="N16" sqref="N16:R16"/>
    </sheetView>
  </sheetViews>
  <sheetFormatPr defaultRowHeight="12.75"/>
  <cols>
    <col min="1" max="1" width="3.85546875" customWidth="1"/>
    <col min="5" max="5" width="23" customWidth="1"/>
    <col min="8" max="8" width="19.28515625" customWidth="1"/>
    <col min="13" max="13" width="25.140625" customWidth="1"/>
    <col min="16" max="16" width="11.42578125" customWidth="1"/>
    <col min="17" max="17" width="18.140625" customWidth="1"/>
    <col min="18" max="18" width="16.85546875" customWidth="1"/>
    <col min="19" max="19" width="4.140625" customWidth="1"/>
  </cols>
  <sheetData>
    <row r="1" spans="1:38">
      <c r="A1" s="1"/>
      <c r="B1" s="1"/>
      <c r="C1" s="1"/>
      <c r="D1" s="1"/>
      <c r="E1" s="1"/>
      <c r="F1" s="1"/>
      <c r="G1" s="1"/>
      <c r="H1" s="1"/>
      <c r="I1" s="1"/>
      <c r="J1" s="1"/>
      <c r="K1" s="1"/>
      <c r="L1" s="1"/>
      <c r="M1" s="1"/>
      <c r="N1" s="1"/>
      <c r="O1" s="1"/>
      <c r="P1" s="1"/>
      <c r="Q1" s="1"/>
      <c r="R1" s="2">
        <v>43068</v>
      </c>
      <c r="S1" s="1"/>
      <c r="T1" s="3"/>
    </row>
    <row r="2" spans="1:38" ht="31.5">
      <c r="A2" s="1"/>
      <c r="B2" s="1"/>
      <c r="C2" s="1"/>
      <c r="D2" s="1"/>
      <c r="E2" s="1"/>
      <c r="F2" s="310" t="str">
        <f>"SCHOOL YEAR "&amp;School_Year</f>
        <v>SCHOOL YEAR 2018/2019</v>
      </c>
      <c r="G2" s="310"/>
      <c r="H2" s="310"/>
      <c r="I2" s="310"/>
      <c r="J2" s="310"/>
      <c r="K2" s="310"/>
      <c r="L2" s="310"/>
      <c r="M2" s="310"/>
      <c r="N2" s="310"/>
      <c r="O2" s="310"/>
      <c r="P2" s="310"/>
      <c r="Q2" s="310"/>
      <c r="R2" s="1"/>
      <c r="S2" s="1"/>
      <c r="T2" s="3"/>
    </row>
    <row r="3" spans="1:38" ht="27">
      <c r="A3" s="1"/>
      <c r="B3" s="1"/>
      <c r="C3" s="1"/>
      <c r="D3" s="1"/>
      <c r="E3" s="1"/>
      <c r="F3" s="311" t="s">
        <v>0</v>
      </c>
      <c r="G3" s="311"/>
      <c r="H3" s="311"/>
      <c r="I3" s="311"/>
      <c r="J3" s="311"/>
      <c r="K3" s="311"/>
      <c r="L3" s="311"/>
      <c r="M3" s="311"/>
      <c r="N3" s="311"/>
      <c r="O3" s="311"/>
      <c r="P3" s="311"/>
      <c r="Q3" s="311"/>
      <c r="R3" s="1"/>
      <c r="S3" s="1"/>
      <c r="T3" s="3"/>
    </row>
    <row r="4" spans="1:38" ht="27" customHeight="1">
      <c r="A4" s="1"/>
      <c r="B4" s="1"/>
      <c r="C4" s="1"/>
      <c r="D4" s="1"/>
      <c r="E4" s="1"/>
      <c r="F4" s="312" t="s">
        <v>1</v>
      </c>
      <c r="G4" s="312"/>
      <c r="H4" s="312"/>
      <c r="I4" s="312"/>
      <c r="J4" s="312"/>
      <c r="K4" s="312"/>
      <c r="L4" s="312"/>
      <c r="M4" s="312"/>
      <c r="N4" s="312"/>
      <c r="O4" s="312"/>
      <c r="P4" s="312"/>
      <c r="Q4" s="312"/>
      <c r="R4" s="1"/>
      <c r="S4" s="1"/>
      <c r="T4" s="3"/>
    </row>
    <row r="5" spans="1:38" ht="24" customHeight="1">
      <c r="A5" s="1"/>
      <c r="B5" s="1"/>
      <c r="C5" s="1"/>
      <c r="D5" s="1"/>
      <c r="E5" s="1"/>
      <c r="F5" s="315" t="s">
        <v>46</v>
      </c>
      <c r="G5" s="315"/>
      <c r="H5" s="315"/>
      <c r="I5" s="315"/>
      <c r="J5" s="315"/>
      <c r="K5" s="315"/>
      <c r="L5" s="315"/>
      <c r="M5" s="315"/>
      <c r="N5" s="315"/>
      <c r="O5" s="315"/>
      <c r="P5" s="315"/>
      <c r="Q5" s="315"/>
      <c r="R5" s="1"/>
      <c r="S5" s="1"/>
      <c r="T5" s="3"/>
    </row>
    <row r="6" spans="1:38" ht="10.5" customHeight="1">
      <c r="A6" s="1"/>
      <c r="B6" s="1"/>
      <c r="C6" s="1"/>
      <c r="D6" s="1"/>
      <c r="E6" s="1"/>
      <c r="F6" s="1"/>
      <c r="G6" s="1"/>
      <c r="H6" s="1"/>
      <c r="I6" s="1"/>
      <c r="J6" s="1"/>
      <c r="K6" s="1"/>
      <c r="L6" s="1"/>
      <c r="M6" s="1"/>
      <c r="N6" s="1"/>
      <c r="O6" s="1"/>
      <c r="P6" s="1"/>
      <c r="Q6" s="1"/>
      <c r="R6" s="1"/>
      <c r="S6" s="1"/>
      <c r="T6" s="3"/>
    </row>
    <row r="7" spans="1:38" ht="15.75" customHeight="1">
      <c r="A7" s="1"/>
      <c r="B7" s="314" t="str">
        <f>'[1]SY 18-19 CALCULATOR RG BRAND'!C61</f>
        <v>NOTE 1:  USDA WBSCM Item Code 100332 / Tomato Paste For Bulk Processing.</v>
      </c>
      <c r="C7" s="314"/>
      <c r="D7" s="314"/>
      <c r="E7" s="314"/>
      <c r="F7" s="314"/>
      <c r="G7" s="314"/>
      <c r="H7" s="314"/>
      <c r="I7" s="314"/>
      <c r="J7" s="314"/>
      <c r="K7" s="314"/>
      <c r="L7" s="314"/>
      <c r="M7" s="314"/>
      <c r="N7" s="314"/>
      <c r="O7" s="314"/>
      <c r="P7" s="314"/>
      <c r="Q7" s="314"/>
      <c r="R7" s="314"/>
      <c r="S7" s="1"/>
      <c r="T7" s="3"/>
    </row>
    <row r="8" spans="1:38" ht="65.099999999999994" customHeight="1">
      <c r="A8" s="1"/>
      <c r="B8" s="313" t="str">
        <f>'[1]SY 18-19 CALCULATOR RG BRAND'!V17</f>
        <v>The Pass Thru Value (PTV) or NOI (Net Off Invoice) discount amount has been determined based on the quantity of tomato paste in the products being offered under this program. 100332 values quoted for the SY2018/2019 were provided by FNS via the 12/01/2017 NMPA notification @ $0.4105 per pound or $16,378.95 per truckload of paste. The corresponding Pass Through Value Discount per case for each product is indicated above.</v>
      </c>
      <c r="C8" s="313"/>
      <c r="D8" s="313"/>
      <c r="E8" s="313"/>
      <c r="F8" s="313"/>
      <c r="G8" s="313"/>
      <c r="H8" s="313"/>
      <c r="I8" s="313"/>
      <c r="J8" s="313"/>
      <c r="K8" s="313"/>
      <c r="L8" s="313"/>
      <c r="M8" s="313"/>
      <c r="N8" s="313"/>
      <c r="O8" s="313"/>
      <c r="P8" s="313"/>
      <c r="Q8" s="313"/>
      <c r="R8" s="313"/>
      <c r="S8" s="1"/>
      <c r="T8" s="3"/>
      <c r="AH8" s="4"/>
      <c r="AI8" s="4"/>
      <c r="AJ8" s="4"/>
      <c r="AK8" s="4"/>
      <c r="AL8" s="4"/>
    </row>
    <row r="9" spans="1:38" s="57" customFormat="1" ht="69.95" customHeight="1">
      <c r="A9" s="60"/>
      <c r="B9" s="301" t="s">
        <v>3</v>
      </c>
      <c r="C9" s="301"/>
      <c r="D9" s="301"/>
      <c r="E9" s="301"/>
      <c r="F9" s="301"/>
      <c r="G9" s="301"/>
      <c r="H9" s="301"/>
      <c r="I9" s="301"/>
      <c r="J9" s="301"/>
      <c r="K9" s="301"/>
      <c r="L9" s="301"/>
      <c r="M9" s="301"/>
      <c r="N9" s="301"/>
      <c r="O9" s="301"/>
      <c r="P9" s="301"/>
      <c r="Q9" s="301"/>
      <c r="R9" s="301"/>
      <c r="S9" s="60"/>
      <c r="T9" s="59"/>
      <c r="V9" s="58"/>
      <c r="AH9" s="4"/>
      <c r="AI9" s="4"/>
      <c r="AJ9" s="4"/>
      <c r="AK9" s="4"/>
      <c r="AL9" s="4"/>
    </row>
    <row r="10" spans="1:38" ht="48" customHeight="1">
      <c r="A10" s="1"/>
      <c r="B10" s="316" t="s">
        <v>4</v>
      </c>
      <c r="C10" s="316"/>
      <c r="D10" s="316"/>
      <c r="E10" s="316"/>
      <c r="F10" s="316"/>
      <c r="G10" s="316"/>
      <c r="H10" s="316"/>
      <c r="I10" s="316"/>
      <c r="J10" s="316"/>
      <c r="K10" s="316"/>
      <c r="L10" s="316"/>
      <c r="M10" s="316"/>
      <c r="N10" s="316"/>
      <c r="O10" s="316"/>
      <c r="P10" s="316"/>
      <c r="Q10" s="316"/>
      <c r="R10" s="317"/>
      <c r="S10" s="1"/>
      <c r="T10" s="3"/>
    </row>
    <row r="11" spans="1:38" ht="18.75" thickBot="1">
      <c r="A11" s="1"/>
      <c r="B11" s="1"/>
      <c r="C11" s="1"/>
      <c r="D11" s="1"/>
      <c r="E11" s="1"/>
      <c r="F11" s="1"/>
      <c r="G11" s="1"/>
      <c r="H11" s="1"/>
      <c r="I11" s="1"/>
      <c r="J11" s="1"/>
      <c r="K11" s="1"/>
      <c r="L11" s="1"/>
      <c r="M11" s="1"/>
      <c r="N11" s="1"/>
      <c r="O11" s="1"/>
      <c r="P11" s="1"/>
      <c r="Q11" s="1"/>
      <c r="R11" s="1"/>
      <c r="S11" s="1"/>
      <c r="T11" s="3"/>
      <c r="V11" s="301"/>
      <c r="W11" s="301"/>
      <c r="X11" s="301"/>
      <c r="Y11" s="301"/>
      <c r="Z11" s="301"/>
      <c r="AA11" s="301"/>
      <c r="AB11" s="301"/>
      <c r="AC11" s="301"/>
      <c r="AD11" s="301"/>
      <c r="AE11" s="301"/>
      <c r="AF11" s="301"/>
      <c r="AG11" s="301"/>
    </row>
    <row r="12" spans="1:38" ht="18">
      <c r="A12" s="1"/>
      <c r="B12" s="10"/>
      <c r="C12" s="11"/>
      <c r="D12" s="11"/>
      <c r="E12" s="11"/>
      <c r="F12" s="11"/>
      <c r="G12" s="11"/>
      <c r="H12" s="11"/>
      <c r="I12" s="11"/>
      <c r="J12" s="11"/>
      <c r="K12" s="11"/>
      <c r="L12" s="11"/>
      <c r="M12" s="11"/>
      <c r="N12" s="308"/>
      <c r="O12" s="308"/>
      <c r="P12" s="308"/>
      <c r="Q12" s="308"/>
      <c r="R12" s="309"/>
      <c r="S12" s="1"/>
      <c r="T12" s="3"/>
      <c r="V12" s="302"/>
      <c r="W12" s="302"/>
      <c r="X12" s="302"/>
      <c r="Y12" s="302"/>
      <c r="Z12" s="302"/>
      <c r="AA12" s="302"/>
      <c r="AB12" s="302"/>
      <c r="AC12" s="302"/>
      <c r="AD12" s="302"/>
      <c r="AE12" s="302"/>
      <c r="AF12" s="302"/>
      <c r="AG12" s="302"/>
      <c r="AH12" s="302"/>
      <c r="AI12" s="302"/>
      <c r="AJ12" s="302"/>
      <c r="AK12" s="302"/>
      <c r="AL12" s="302"/>
    </row>
    <row r="13" spans="1:38" ht="18">
      <c r="A13" s="1"/>
      <c r="B13" s="291" t="s">
        <v>5</v>
      </c>
      <c r="C13" s="292"/>
      <c r="D13" s="292"/>
      <c r="E13" s="292"/>
      <c r="F13" s="292"/>
      <c r="G13" s="13"/>
      <c r="H13" s="13"/>
      <c r="I13" s="13"/>
      <c r="J13" s="13"/>
      <c r="K13" s="13"/>
      <c r="L13" s="13"/>
      <c r="M13" s="13"/>
      <c r="N13" s="294" t="s">
        <v>6</v>
      </c>
      <c r="O13" s="294"/>
      <c r="P13" s="294"/>
      <c r="Q13" s="294"/>
      <c r="R13" s="295"/>
      <c r="S13" s="1"/>
      <c r="T13" s="3"/>
      <c r="V13" s="14"/>
      <c r="W13" s="14"/>
      <c r="X13" s="14"/>
      <c r="Y13" s="14"/>
      <c r="Z13" s="14"/>
      <c r="AA13" s="14"/>
      <c r="AB13" s="14"/>
      <c r="AC13" s="14"/>
      <c r="AD13" s="14"/>
      <c r="AE13" s="14"/>
      <c r="AF13" s="14"/>
      <c r="AG13" s="14"/>
      <c r="AH13" s="14"/>
      <c r="AI13" s="14"/>
      <c r="AJ13" s="14"/>
      <c r="AK13" s="14"/>
      <c r="AL13" s="14"/>
    </row>
    <row r="14" spans="1:38" ht="18" customHeight="1">
      <c r="A14" s="1"/>
      <c r="B14" s="291"/>
      <c r="C14" s="292"/>
      <c r="D14" s="292"/>
      <c r="E14" s="292"/>
      <c r="F14" s="292"/>
      <c r="G14" s="13"/>
      <c r="H14" s="13"/>
      <c r="I14" s="293" t="s">
        <v>7</v>
      </c>
      <c r="J14" s="293"/>
      <c r="K14" s="293"/>
      <c r="L14" s="293"/>
      <c r="M14" s="293"/>
      <c r="N14" s="294" t="s">
        <v>8</v>
      </c>
      <c r="O14" s="294"/>
      <c r="P14" s="294"/>
      <c r="Q14" s="294"/>
      <c r="R14" s="295"/>
      <c r="S14" s="1"/>
      <c r="T14" s="3"/>
      <c r="V14" s="15"/>
    </row>
    <row r="15" spans="1:38" ht="18" customHeight="1">
      <c r="A15" s="1"/>
      <c r="B15" s="16"/>
      <c r="C15" s="17"/>
      <c r="D15" s="18"/>
      <c r="E15" s="13"/>
      <c r="F15" s="13"/>
      <c r="G15" s="19"/>
      <c r="H15" s="19"/>
      <c r="I15" s="293"/>
      <c r="J15" s="293"/>
      <c r="K15" s="293"/>
      <c r="L15" s="293"/>
      <c r="M15" s="293"/>
      <c r="N15" s="294"/>
      <c r="O15" s="294"/>
      <c r="P15" s="294"/>
      <c r="Q15" s="294"/>
      <c r="R15" s="295"/>
      <c r="S15" s="1"/>
      <c r="T15" s="3"/>
      <c r="V15" s="294"/>
      <c r="W15" s="294"/>
      <c r="X15" s="294"/>
      <c r="Y15" s="294"/>
      <c r="Z15" s="295"/>
    </row>
    <row r="16" spans="1:38" ht="18">
      <c r="A16" s="1"/>
      <c r="B16" s="318" t="s">
        <v>9</v>
      </c>
      <c r="C16" s="319"/>
      <c r="D16" s="319"/>
      <c r="E16" s="319"/>
      <c r="F16" s="319"/>
      <c r="G16" s="319"/>
      <c r="H16" s="319"/>
      <c r="I16" s="293"/>
      <c r="J16" s="293"/>
      <c r="K16" s="293"/>
      <c r="L16" s="293"/>
      <c r="M16" s="293"/>
      <c r="N16" s="297"/>
      <c r="O16" s="294"/>
      <c r="P16" s="294"/>
      <c r="Q16" s="294"/>
      <c r="R16" s="295"/>
      <c r="S16" s="1"/>
      <c r="T16" s="3"/>
      <c r="V16" s="294"/>
      <c r="W16" s="294"/>
      <c r="X16" s="294"/>
      <c r="Y16" s="294"/>
      <c r="Z16" s="295"/>
    </row>
    <row r="17" spans="1:38" ht="18">
      <c r="A17" s="1"/>
      <c r="B17" s="320" t="s">
        <v>10</v>
      </c>
      <c r="C17" s="321"/>
      <c r="D17" s="321"/>
      <c r="E17" s="321"/>
      <c r="F17" s="321"/>
      <c r="G17" s="321"/>
      <c r="H17" s="321"/>
      <c r="I17" s="322"/>
      <c r="J17" s="322"/>
      <c r="K17" s="322"/>
      <c r="L17" s="322"/>
      <c r="M17" s="322"/>
      <c r="N17" s="13"/>
      <c r="O17" s="21"/>
      <c r="P17" s="21"/>
      <c r="Q17" s="13"/>
      <c r="R17" s="22"/>
      <c r="S17" s="1"/>
      <c r="T17" s="3"/>
      <c r="V17" s="23"/>
    </row>
    <row r="18" spans="1:38" ht="18">
      <c r="A18" s="1"/>
      <c r="B18" s="320" t="s">
        <v>11</v>
      </c>
      <c r="C18" s="321"/>
      <c r="D18" s="321"/>
      <c r="E18" s="321"/>
      <c r="F18" s="321"/>
      <c r="G18" s="321"/>
      <c r="H18" s="321"/>
      <c r="I18" s="294" t="s">
        <v>12</v>
      </c>
      <c r="J18" s="294"/>
      <c r="K18" s="294"/>
      <c r="L18" s="294"/>
      <c r="M18" s="294"/>
      <c r="N18" s="294" t="s">
        <v>13</v>
      </c>
      <c r="O18" s="294"/>
      <c r="P18" s="294"/>
      <c r="Q18" s="294"/>
      <c r="R18" s="295"/>
      <c r="S18" s="1"/>
      <c r="T18" s="3"/>
    </row>
    <row r="19" spans="1:38" ht="18">
      <c r="A19" s="1"/>
      <c r="B19" s="306" t="s">
        <v>14</v>
      </c>
      <c r="C19" s="307"/>
      <c r="D19" s="307"/>
      <c r="E19" s="307"/>
      <c r="F19" s="307"/>
      <c r="G19" s="307"/>
      <c r="H19" s="307"/>
      <c r="I19" s="294" t="s">
        <v>15</v>
      </c>
      <c r="J19" s="294"/>
      <c r="K19" s="294"/>
      <c r="L19" s="294"/>
      <c r="M19" s="294"/>
      <c r="N19" s="294" t="s">
        <v>16</v>
      </c>
      <c r="O19" s="294"/>
      <c r="P19" s="294"/>
      <c r="Q19" s="294"/>
      <c r="R19" s="295"/>
      <c r="S19" s="1"/>
      <c r="T19" s="3"/>
      <c r="V19" s="24"/>
      <c r="W19" s="24"/>
      <c r="X19" s="24"/>
      <c r="Y19" s="24"/>
      <c r="Z19" s="24"/>
      <c r="AA19" s="24"/>
      <c r="AB19" s="24"/>
      <c r="AC19" s="24"/>
      <c r="AD19" s="24"/>
      <c r="AE19" s="24"/>
      <c r="AF19" s="24"/>
      <c r="AG19" s="24"/>
      <c r="AH19" s="24"/>
      <c r="AI19" s="24"/>
      <c r="AJ19" s="24"/>
      <c r="AK19" s="24"/>
      <c r="AL19" s="24"/>
    </row>
    <row r="20" spans="1:38" ht="18" customHeight="1">
      <c r="A20" s="1"/>
      <c r="B20" s="303" t="s">
        <v>17</v>
      </c>
      <c r="C20" s="304"/>
      <c r="D20" s="304"/>
      <c r="E20" s="304"/>
      <c r="F20" s="304"/>
      <c r="G20" s="304"/>
      <c r="H20" s="304"/>
      <c r="I20" s="294" t="s">
        <v>18</v>
      </c>
      <c r="J20" s="294"/>
      <c r="K20" s="294"/>
      <c r="L20" s="294"/>
      <c r="M20" s="294"/>
      <c r="N20" s="294" t="s">
        <v>19</v>
      </c>
      <c r="O20" s="294"/>
      <c r="P20" s="294"/>
      <c r="Q20" s="294"/>
      <c r="R20" s="295"/>
      <c r="S20" s="1"/>
      <c r="T20" s="3"/>
      <c r="V20" s="24"/>
      <c r="W20" s="24"/>
      <c r="X20" s="24"/>
      <c r="Y20" s="24"/>
      <c r="Z20" s="24"/>
      <c r="AA20" s="24"/>
      <c r="AB20" s="24"/>
      <c r="AC20" s="24"/>
      <c r="AD20" s="24"/>
      <c r="AE20" s="24"/>
      <c r="AF20" s="24"/>
      <c r="AG20" s="24"/>
      <c r="AH20" s="24"/>
      <c r="AI20" s="24"/>
      <c r="AJ20" s="24"/>
      <c r="AK20" s="24"/>
      <c r="AL20" s="24"/>
    </row>
    <row r="21" spans="1:38" ht="18">
      <c r="A21" s="1"/>
      <c r="B21" s="298" t="s">
        <v>20</v>
      </c>
      <c r="C21" s="299"/>
      <c r="D21" s="299"/>
      <c r="E21" s="299"/>
      <c r="F21" s="299"/>
      <c r="G21" s="299"/>
      <c r="H21" s="299"/>
      <c r="I21" s="297" t="s">
        <v>21</v>
      </c>
      <c r="J21" s="297"/>
      <c r="K21" s="297"/>
      <c r="L21" s="297"/>
      <c r="M21" s="297"/>
      <c r="N21" s="297" t="s">
        <v>22</v>
      </c>
      <c r="O21" s="294"/>
      <c r="P21" s="294"/>
      <c r="Q21" s="294"/>
      <c r="R21" s="295"/>
      <c r="S21" s="1"/>
      <c r="T21" s="3"/>
      <c r="V21" s="24"/>
      <c r="W21" s="24"/>
      <c r="X21" s="24"/>
      <c r="Y21" s="24"/>
      <c r="Z21" s="24"/>
      <c r="AA21" s="24"/>
      <c r="AB21" s="24"/>
      <c r="AC21" s="24"/>
      <c r="AD21" s="24"/>
      <c r="AE21" s="24"/>
      <c r="AF21" s="24"/>
      <c r="AG21" s="24"/>
      <c r="AH21" s="24"/>
      <c r="AI21" s="24"/>
      <c r="AJ21" s="24"/>
      <c r="AK21" s="24"/>
      <c r="AL21" s="24"/>
    </row>
    <row r="22" spans="1:38" ht="18">
      <c r="A22" s="1"/>
      <c r="B22" s="25"/>
      <c r="C22" s="26"/>
      <c r="D22" s="26"/>
      <c r="E22" s="26"/>
      <c r="F22" s="26"/>
      <c r="G22" s="27"/>
      <c r="H22" s="27"/>
      <c r="I22" s="28"/>
      <c r="J22" s="28"/>
      <c r="K22" s="28"/>
      <c r="L22" s="13"/>
      <c r="M22" s="29"/>
      <c r="N22" s="29"/>
      <c r="O22" s="13"/>
      <c r="P22" s="28"/>
      <c r="Q22" s="28"/>
      <c r="R22" s="30"/>
      <c r="S22" s="1"/>
      <c r="T22" s="3"/>
      <c r="V22" s="24"/>
      <c r="W22" s="24"/>
      <c r="X22" s="24"/>
      <c r="Y22" s="24"/>
      <c r="Z22" s="24"/>
      <c r="AA22" s="24"/>
      <c r="AB22" s="24"/>
      <c r="AC22" s="24"/>
      <c r="AD22" s="24"/>
      <c r="AE22" s="24"/>
      <c r="AF22" s="24"/>
      <c r="AG22" s="24"/>
      <c r="AH22" s="24"/>
      <c r="AI22" s="24"/>
      <c r="AJ22" s="24"/>
      <c r="AK22" s="24"/>
      <c r="AL22" s="24"/>
    </row>
    <row r="23" spans="1:38" ht="18">
      <c r="A23" s="1"/>
      <c r="B23" s="306" t="s">
        <v>23</v>
      </c>
      <c r="C23" s="307"/>
      <c r="D23" s="307"/>
      <c r="E23" s="307"/>
      <c r="F23" s="307"/>
      <c r="G23" s="307"/>
      <c r="H23" s="307"/>
      <c r="I23" s="328" t="s">
        <v>24</v>
      </c>
      <c r="J23" s="328"/>
      <c r="K23" s="328"/>
      <c r="L23" s="328"/>
      <c r="M23" s="328"/>
      <c r="N23" s="294" t="s">
        <v>25</v>
      </c>
      <c r="O23" s="294"/>
      <c r="P23" s="294"/>
      <c r="Q23" s="294"/>
      <c r="R23" s="295"/>
      <c r="S23" s="1"/>
      <c r="T23" s="3"/>
      <c r="V23" s="24"/>
      <c r="W23" s="24"/>
      <c r="X23" s="24"/>
      <c r="Y23" s="24"/>
      <c r="Z23" s="24"/>
      <c r="AA23" s="24"/>
      <c r="AB23" s="24"/>
      <c r="AC23" s="24"/>
      <c r="AD23" s="24"/>
      <c r="AE23" s="24"/>
      <c r="AF23" s="24"/>
      <c r="AG23" s="24"/>
      <c r="AH23" s="24"/>
      <c r="AI23" s="24"/>
      <c r="AJ23" s="24"/>
      <c r="AK23" s="24"/>
      <c r="AL23" s="24"/>
    </row>
    <row r="24" spans="1:38" ht="18">
      <c r="A24" s="1"/>
      <c r="B24" s="306" t="s">
        <v>26</v>
      </c>
      <c r="C24" s="307"/>
      <c r="D24" s="307"/>
      <c r="E24" s="307"/>
      <c r="F24" s="307"/>
      <c r="G24" s="307"/>
      <c r="H24" s="307"/>
      <c r="I24" s="328" t="s">
        <v>27</v>
      </c>
      <c r="J24" s="328"/>
      <c r="K24" s="328"/>
      <c r="L24" s="328"/>
      <c r="M24" s="328"/>
      <c r="N24" s="294" t="s">
        <v>28</v>
      </c>
      <c r="O24" s="294"/>
      <c r="P24" s="294"/>
      <c r="Q24" s="294"/>
      <c r="R24" s="295"/>
      <c r="S24" s="1"/>
      <c r="T24" s="3"/>
    </row>
    <row r="25" spans="1:38" ht="18">
      <c r="A25" s="1"/>
      <c r="B25" s="306" t="s">
        <v>29</v>
      </c>
      <c r="C25" s="307"/>
      <c r="D25" s="307"/>
      <c r="E25" s="307"/>
      <c r="F25" s="307"/>
      <c r="G25" s="307"/>
      <c r="H25" s="307"/>
      <c r="I25" s="296" t="s">
        <v>30</v>
      </c>
      <c r="J25" s="296"/>
      <c r="K25" s="296"/>
      <c r="L25" s="296"/>
      <c r="M25" s="296"/>
      <c r="N25" s="294" t="s">
        <v>31</v>
      </c>
      <c r="O25" s="294"/>
      <c r="P25" s="294"/>
      <c r="Q25" s="294"/>
      <c r="R25" s="295"/>
      <c r="S25" s="1"/>
      <c r="T25" s="3"/>
    </row>
    <row r="26" spans="1:38" ht="18">
      <c r="A26" s="1"/>
      <c r="B26" s="298" t="s">
        <v>32</v>
      </c>
      <c r="C26" s="299"/>
      <c r="D26" s="299"/>
      <c r="E26" s="299"/>
      <c r="F26" s="299"/>
      <c r="G26" s="299"/>
      <c r="H26" s="299"/>
      <c r="I26" s="327" t="s">
        <v>33</v>
      </c>
      <c r="J26" s="327"/>
      <c r="K26" s="327"/>
      <c r="L26" s="327"/>
      <c r="M26" s="327"/>
      <c r="N26" s="297" t="s">
        <v>34</v>
      </c>
      <c r="O26" s="297"/>
      <c r="P26" s="297"/>
      <c r="Q26" s="297"/>
      <c r="R26" s="305"/>
      <c r="S26" s="1"/>
      <c r="T26" s="3"/>
    </row>
    <row r="27" spans="1:38" ht="15" customHeight="1" thickBot="1">
      <c r="A27" s="1"/>
      <c r="B27" s="31"/>
      <c r="C27" s="32"/>
      <c r="D27" s="32"/>
      <c r="E27" s="32"/>
      <c r="F27" s="32"/>
      <c r="G27" s="32"/>
      <c r="H27" s="32"/>
      <c r="I27" s="32"/>
      <c r="J27" s="32"/>
      <c r="K27" s="32"/>
      <c r="L27" s="32"/>
      <c r="M27" s="32"/>
      <c r="N27" s="32"/>
      <c r="O27" s="32"/>
      <c r="P27" s="32"/>
      <c r="Q27" s="32"/>
      <c r="R27" s="33"/>
      <c r="S27" s="1"/>
      <c r="T27" s="3"/>
    </row>
    <row r="28" spans="1:38" ht="16.5" customHeight="1" thickBot="1">
      <c r="A28" s="1"/>
      <c r="B28" s="34"/>
      <c r="C28" s="35"/>
      <c r="D28" s="34"/>
      <c r="E28" s="34"/>
      <c r="F28" s="34"/>
      <c r="G28" s="34"/>
      <c r="H28" s="34"/>
      <c r="I28" s="34"/>
      <c r="J28" s="34"/>
      <c r="K28" s="34"/>
      <c r="L28" s="34"/>
      <c r="M28" s="34"/>
      <c r="N28" s="34"/>
      <c r="O28" s="34"/>
      <c r="P28" s="34"/>
      <c r="Q28" s="34"/>
      <c r="R28" s="34"/>
      <c r="S28" s="1"/>
      <c r="T28" s="3"/>
    </row>
    <row r="29" spans="1:38">
      <c r="A29" s="1"/>
      <c r="B29" s="36"/>
      <c r="C29" s="37"/>
      <c r="D29" s="37"/>
      <c r="E29" s="37"/>
      <c r="F29" s="37"/>
      <c r="G29" s="37"/>
      <c r="H29" s="37"/>
      <c r="I29" s="37"/>
      <c r="J29" s="38"/>
      <c r="K29" s="38"/>
      <c r="L29" s="38"/>
      <c r="M29" s="38"/>
      <c r="N29" s="38"/>
      <c r="O29" s="38"/>
      <c r="P29" s="38"/>
      <c r="Q29" s="38"/>
      <c r="R29" s="39"/>
      <c r="S29" s="1"/>
      <c r="T29" s="3"/>
    </row>
    <row r="30" spans="1:38" ht="17.25" customHeight="1">
      <c r="A30" s="1"/>
      <c r="B30" s="40" t="s">
        <v>35</v>
      </c>
      <c r="C30" s="41"/>
      <c r="D30" s="42"/>
      <c r="E30" s="42"/>
      <c r="F30" s="42"/>
      <c r="G30" s="42"/>
      <c r="H30" s="41"/>
      <c r="I30" s="43"/>
      <c r="J30" s="43"/>
      <c r="K30" s="44"/>
      <c r="L30" s="44"/>
      <c r="M30" s="43"/>
      <c r="N30" s="43"/>
      <c r="O30" s="43"/>
      <c r="P30" s="43"/>
      <c r="Q30" s="43"/>
      <c r="R30" s="45"/>
      <c r="S30" s="46"/>
      <c r="T30" s="3"/>
    </row>
    <row r="31" spans="1:38" ht="15" customHeight="1">
      <c r="A31" s="1"/>
      <c r="B31" s="47"/>
      <c r="C31" s="43"/>
      <c r="D31" s="48"/>
      <c r="E31" s="325" t="s">
        <v>36</v>
      </c>
      <c r="F31" s="325"/>
      <c r="G31" s="325"/>
      <c r="H31" s="330" t="s">
        <v>37</v>
      </c>
      <c r="I31" s="330"/>
      <c r="J31" s="331"/>
      <c r="K31" s="331"/>
      <c r="L31" s="331"/>
      <c r="M31" s="331"/>
      <c r="N31" s="331"/>
      <c r="O31" s="44"/>
      <c r="P31" s="49" t="s">
        <v>38</v>
      </c>
      <c r="Q31" s="323"/>
      <c r="R31" s="324"/>
      <c r="S31" s="46"/>
      <c r="T31" s="3"/>
    </row>
    <row r="32" spans="1:38" ht="15.75" customHeight="1">
      <c r="A32" s="1"/>
      <c r="B32" s="47"/>
      <c r="C32" s="330" t="s">
        <v>39</v>
      </c>
      <c r="D32" s="330"/>
      <c r="E32" s="331"/>
      <c r="F32" s="331"/>
      <c r="G32" s="331"/>
      <c r="H32" s="330" t="s">
        <v>40</v>
      </c>
      <c r="I32" s="330"/>
      <c r="J32" s="326"/>
      <c r="K32" s="326"/>
      <c r="L32" s="326"/>
      <c r="M32" s="326"/>
      <c r="N32" s="326"/>
      <c r="O32" s="43"/>
      <c r="P32" s="49" t="s">
        <v>41</v>
      </c>
      <c r="Q32" s="323"/>
      <c r="R32" s="324"/>
      <c r="S32" s="46"/>
      <c r="T32" s="3"/>
    </row>
    <row r="33" spans="1:20" ht="18">
      <c r="A33" s="1"/>
      <c r="B33" s="47"/>
      <c r="C33" s="43"/>
      <c r="D33" s="49" t="s">
        <v>42</v>
      </c>
      <c r="E33" s="331"/>
      <c r="F33" s="331"/>
      <c r="G33" s="331"/>
      <c r="H33" s="43"/>
      <c r="I33" s="49" t="s">
        <v>43</v>
      </c>
      <c r="J33" s="323"/>
      <c r="K33" s="323"/>
      <c r="L33" s="323"/>
      <c r="M33" s="323"/>
      <c r="N33" s="323"/>
      <c r="O33" s="43"/>
      <c r="P33" s="49" t="s">
        <v>44</v>
      </c>
      <c r="Q33" s="332"/>
      <c r="R33" s="333"/>
      <c r="S33" s="46"/>
      <c r="T33" s="3"/>
    </row>
    <row r="34" spans="1:20" ht="18.75" thickBot="1">
      <c r="A34" s="1"/>
      <c r="B34" s="50"/>
      <c r="C34" s="51"/>
      <c r="D34" s="51"/>
      <c r="E34" s="51"/>
      <c r="F34" s="51"/>
      <c r="G34" s="51"/>
      <c r="H34" s="52"/>
      <c r="I34" s="52"/>
      <c r="J34" s="53"/>
      <c r="K34" s="54"/>
      <c r="L34" s="52"/>
      <c r="M34" s="53"/>
      <c r="N34" s="53"/>
      <c r="O34" s="52"/>
      <c r="P34" s="52"/>
      <c r="Q34" s="52"/>
      <c r="R34" s="55"/>
      <c r="S34" s="46"/>
      <c r="T34" s="3"/>
    </row>
    <row r="35" spans="1:20" ht="6" customHeight="1">
      <c r="A35" s="1"/>
      <c r="B35" s="34"/>
      <c r="C35" s="35"/>
      <c r="D35" s="34"/>
      <c r="E35" s="34"/>
      <c r="F35" s="34"/>
      <c r="G35" s="34"/>
      <c r="H35" s="34"/>
      <c r="I35" s="34"/>
      <c r="J35" s="34"/>
      <c r="K35" s="34"/>
      <c r="L35" s="34"/>
      <c r="M35" s="34"/>
      <c r="N35" s="34"/>
      <c r="O35" s="34"/>
      <c r="P35" s="34"/>
      <c r="Q35" s="34"/>
      <c r="R35" s="34"/>
      <c r="S35" s="1"/>
      <c r="T35" s="3"/>
    </row>
    <row r="36" spans="1:20" ht="25.5" customHeight="1">
      <c r="A36" s="1"/>
      <c r="B36" s="1"/>
      <c r="C36" s="1"/>
      <c r="D36" s="1"/>
      <c r="E36" s="1"/>
      <c r="F36" s="1"/>
      <c r="G36" s="1"/>
      <c r="H36" s="1"/>
      <c r="I36" s="1"/>
      <c r="J36" s="1"/>
      <c r="K36" s="1"/>
      <c r="L36" s="1"/>
      <c r="M36" s="1"/>
      <c r="N36" s="1"/>
      <c r="O36" s="1"/>
      <c r="P36" s="1"/>
      <c r="Q36" s="1"/>
      <c r="R36" s="1"/>
      <c r="S36" s="1"/>
      <c r="T36" s="3"/>
    </row>
    <row r="37" spans="1:20" ht="15" customHeight="1">
      <c r="A37" s="1"/>
      <c r="B37" s="329"/>
      <c r="C37" s="329"/>
      <c r="D37" s="329"/>
      <c r="E37" s="329"/>
      <c r="F37" s="329"/>
      <c r="G37" s="329"/>
      <c r="H37" s="329"/>
      <c r="I37" s="329"/>
      <c r="J37" s="329"/>
      <c r="K37" s="329"/>
      <c r="L37" s="329"/>
      <c r="M37" s="329"/>
      <c r="N37" s="329"/>
      <c r="O37" s="329"/>
      <c r="P37" s="329"/>
      <c r="Q37" s="329"/>
      <c r="R37" s="329"/>
      <c r="S37" s="34"/>
      <c r="T37" s="56"/>
    </row>
    <row r="38" spans="1:20" ht="22.5" customHeight="1">
      <c r="A38" s="1"/>
      <c r="B38" s="300" t="s">
        <v>45</v>
      </c>
      <c r="C38" s="300"/>
      <c r="D38" s="300"/>
      <c r="E38" s="300"/>
      <c r="F38" s="300"/>
      <c r="G38" s="300"/>
      <c r="H38" s="300"/>
      <c r="I38" s="300"/>
      <c r="J38" s="300"/>
      <c r="K38" s="300"/>
      <c r="L38" s="300"/>
      <c r="M38" s="300"/>
      <c r="N38" s="300"/>
      <c r="O38" s="300"/>
      <c r="P38" s="300"/>
      <c r="Q38" s="300"/>
      <c r="R38" s="300"/>
      <c r="S38" s="1"/>
      <c r="T38" s="3"/>
    </row>
    <row r="39" spans="1:20">
      <c r="A39" s="3"/>
      <c r="B39" s="3"/>
      <c r="C39" s="3"/>
      <c r="D39" s="3"/>
      <c r="E39" s="3"/>
      <c r="F39" s="3"/>
      <c r="G39" s="3"/>
      <c r="H39" s="3"/>
      <c r="I39" s="3"/>
      <c r="J39" s="3"/>
      <c r="K39" s="3"/>
      <c r="L39" s="3"/>
      <c r="M39" s="3"/>
      <c r="N39" s="3"/>
      <c r="O39" s="3"/>
      <c r="P39" s="3"/>
      <c r="Q39" s="3"/>
      <c r="R39" s="3"/>
      <c r="S39" s="3"/>
      <c r="T39" s="3"/>
    </row>
    <row r="40" spans="1:20">
      <c r="A40" s="3"/>
      <c r="B40" s="3"/>
      <c r="C40" s="3"/>
      <c r="D40" s="3"/>
      <c r="E40" s="3"/>
      <c r="F40" s="3"/>
      <c r="G40" s="3"/>
      <c r="H40" s="3"/>
      <c r="I40" s="3"/>
      <c r="J40" s="3"/>
      <c r="K40" s="3"/>
      <c r="L40" s="3"/>
      <c r="M40" s="3"/>
      <c r="N40" s="3"/>
      <c r="O40" s="3"/>
      <c r="P40" s="3"/>
      <c r="Q40" s="3"/>
      <c r="R40" s="3"/>
      <c r="S40" s="3"/>
      <c r="T40" s="3"/>
    </row>
    <row r="41" spans="1:20">
      <c r="A41" s="3"/>
      <c r="B41" s="3"/>
      <c r="C41" s="3"/>
      <c r="D41" s="3"/>
      <c r="E41" s="3"/>
      <c r="F41" s="3"/>
      <c r="G41" s="3"/>
      <c r="H41" s="3"/>
      <c r="I41" s="3"/>
      <c r="J41" s="3"/>
      <c r="K41" s="3"/>
      <c r="L41" s="3"/>
      <c r="M41" s="3"/>
      <c r="N41" s="3"/>
      <c r="O41" s="3"/>
      <c r="P41" s="3"/>
      <c r="Q41" s="3"/>
      <c r="R41" s="3"/>
      <c r="S41" s="3"/>
      <c r="T41" s="3"/>
    </row>
  </sheetData>
  <sheetProtection selectLockedCells="1"/>
  <mergeCells count="61">
    <mergeCell ref="B37:R37"/>
    <mergeCell ref="H32:I32"/>
    <mergeCell ref="J31:N31"/>
    <mergeCell ref="Q31:R31"/>
    <mergeCell ref="Q33:R33"/>
    <mergeCell ref="J33:N33"/>
    <mergeCell ref="E33:G33"/>
    <mergeCell ref="E32:G32"/>
    <mergeCell ref="H31:I31"/>
    <mergeCell ref="C32:D32"/>
    <mergeCell ref="E31:G31"/>
    <mergeCell ref="J32:N32"/>
    <mergeCell ref="I26:M26"/>
    <mergeCell ref="B21:H21"/>
    <mergeCell ref="I21:M21"/>
    <mergeCell ref="B23:H23"/>
    <mergeCell ref="I23:M23"/>
    <mergeCell ref="B24:H24"/>
    <mergeCell ref="I24:M24"/>
    <mergeCell ref="B9:R9"/>
    <mergeCell ref="B10:R10"/>
    <mergeCell ref="B19:H19"/>
    <mergeCell ref="I19:M19"/>
    <mergeCell ref="B16:H16"/>
    <mergeCell ref="B18:H18"/>
    <mergeCell ref="I18:M18"/>
    <mergeCell ref="B17:H17"/>
    <mergeCell ref="I16:M16"/>
    <mergeCell ref="I17:M17"/>
    <mergeCell ref="F2:Q2"/>
    <mergeCell ref="F3:Q3"/>
    <mergeCell ref="F4:Q4"/>
    <mergeCell ref="B8:R8"/>
    <mergeCell ref="B7:R7"/>
    <mergeCell ref="F5:Q5"/>
    <mergeCell ref="B26:H26"/>
    <mergeCell ref="B38:R38"/>
    <mergeCell ref="N18:R18"/>
    <mergeCell ref="N19:R19"/>
    <mergeCell ref="V11:AG11"/>
    <mergeCell ref="V12:AL12"/>
    <mergeCell ref="B20:H20"/>
    <mergeCell ref="N25:R25"/>
    <mergeCell ref="N26:R26"/>
    <mergeCell ref="B25:H25"/>
    <mergeCell ref="N23:R23"/>
    <mergeCell ref="N16:R16"/>
    <mergeCell ref="N15:R15"/>
    <mergeCell ref="N14:R14"/>
    <mergeCell ref="N12:R12"/>
    <mergeCell ref="Q32:R32"/>
    <mergeCell ref="N24:R24"/>
    <mergeCell ref="I25:M25"/>
    <mergeCell ref="N21:R21"/>
    <mergeCell ref="N20:R20"/>
    <mergeCell ref="I20:M20"/>
    <mergeCell ref="B13:F14"/>
    <mergeCell ref="I14:M15"/>
    <mergeCell ref="N13:R13"/>
    <mergeCell ref="V15:Z15"/>
    <mergeCell ref="V16:Z16"/>
  </mergeCells>
  <hyperlinks>
    <hyperlink ref="I21" r:id="rId1"/>
    <hyperlink ref="B20" r:id="rId2" display="http://www.redgold.com/red-gold-company/foodservice/k-12-school-program"/>
    <hyperlink ref="B21" r:id="rId3"/>
    <hyperlink ref="B26" r:id="rId4"/>
    <hyperlink ref="N26" r:id="rId5"/>
    <hyperlink ref="B20:F20" r:id="rId6" display="www.redgold.com/red-gold-company/foodservice/k-12-school-program"/>
    <hyperlink ref="I26" r:id="rId7"/>
    <hyperlink ref="N21" r:id="rId8"/>
  </hyperlinks>
  <printOptions horizontalCentered="1"/>
  <pageMargins left="0.75" right="0.75" top="0.6" bottom="0.65" header="0.36" footer="0.5"/>
  <pageSetup scale="63" fitToHeight="2" orientation="landscape" r:id="rId9"/>
  <headerFooter alignWithMargins="0"/>
  <drawing r:id="rId10"/>
</worksheet>
</file>

<file path=xl/worksheets/sheet3.xml><?xml version="1.0" encoding="utf-8"?>
<worksheet xmlns="http://schemas.openxmlformats.org/spreadsheetml/2006/main" xmlns:r="http://schemas.openxmlformats.org/officeDocument/2006/relationships">
  <dimension ref="A1:AL41"/>
  <sheetViews>
    <sheetView zoomScale="75" zoomScaleNormal="100" zoomScaleSheetLayoutView="75" workbookViewId="0">
      <selection activeCell="I22" sqref="I22"/>
    </sheetView>
  </sheetViews>
  <sheetFormatPr defaultRowHeight="12.75"/>
  <cols>
    <col min="1" max="1" width="3.85546875" customWidth="1"/>
    <col min="5" max="5" width="23" customWidth="1"/>
    <col min="8" max="8" width="18.7109375" customWidth="1"/>
    <col min="13" max="13" width="25.42578125" customWidth="1"/>
    <col min="16" max="16" width="11.42578125" customWidth="1"/>
    <col min="17" max="17" width="18.140625" customWidth="1"/>
    <col min="18" max="18" width="16.85546875" customWidth="1"/>
    <col min="19" max="19" width="4.140625" customWidth="1"/>
  </cols>
  <sheetData>
    <row r="1" spans="1:38">
      <c r="A1" s="1"/>
      <c r="B1" s="1"/>
      <c r="C1" s="1"/>
      <c r="D1" s="1"/>
      <c r="E1" s="1"/>
      <c r="F1" s="1"/>
      <c r="G1" s="1"/>
      <c r="H1" s="1"/>
      <c r="I1" s="1"/>
      <c r="J1" s="1"/>
      <c r="K1" s="1"/>
      <c r="L1" s="1"/>
      <c r="M1" s="1"/>
      <c r="N1" s="1"/>
      <c r="O1" s="1"/>
      <c r="P1" s="1"/>
      <c r="Q1" s="1"/>
      <c r="R1" s="2">
        <v>43068</v>
      </c>
      <c r="S1" s="1"/>
      <c r="T1" s="3"/>
    </row>
    <row r="2" spans="1:38" ht="31.5">
      <c r="A2" s="1"/>
      <c r="B2" s="1"/>
      <c r="C2" s="1"/>
      <c r="D2" s="1"/>
      <c r="E2" s="1"/>
      <c r="F2" s="310" t="str">
        <f>"SCHOOL YEAR "&amp;School_Year</f>
        <v>SCHOOL YEAR 2018/2019</v>
      </c>
      <c r="G2" s="310"/>
      <c r="H2" s="310"/>
      <c r="I2" s="310"/>
      <c r="J2" s="310"/>
      <c r="K2" s="310"/>
      <c r="L2" s="310"/>
      <c r="M2" s="310"/>
      <c r="N2" s="310"/>
      <c r="O2" s="310"/>
      <c r="P2" s="310"/>
      <c r="Q2" s="310"/>
      <c r="R2" s="1"/>
      <c r="S2" s="1"/>
      <c r="T2" s="3"/>
    </row>
    <row r="3" spans="1:38" ht="27">
      <c r="A3" s="1"/>
      <c r="B3" s="1"/>
      <c r="C3" s="1"/>
      <c r="D3" s="1"/>
      <c r="E3" s="1"/>
      <c r="F3" s="311" t="s">
        <v>0</v>
      </c>
      <c r="G3" s="311"/>
      <c r="H3" s="311"/>
      <c r="I3" s="311"/>
      <c r="J3" s="311"/>
      <c r="K3" s="311"/>
      <c r="L3" s="311"/>
      <c r="M3" s="311"/>
      <c r="N3" s="311"/>
      <c r="O3" s="311"/>
      <c r="P3" s="311"/>
      <c r="Q3" s="311"/>
      <c r="R3" s="1"/>
      <c r="S3" s="1"/>
      <c r="T3" s="3"/>
    </row>
    <row r="4" spans="1:38" ht="27" customHeight="1">
      <c r="A4" s="1"/>
      <c r="B4" s="1"/>
      <c r="C4" s="1"/>
      <c r="D4" s="1"/>
      <c r="E4" s="1"/>
      <c r="F4" s="312" t="s">
        <v>1</v>
      </c>
      <c r="G4" s="312"/>
      <c r="H4" s="312"/>
      <c r="I4" s="312"/>
      <c r="J4" s="312"/>
      <c r="K4" s="312"/>
      <c r="L4" s="312"/>
      <c r="M4" s="312"/>
      <c r="N4" s="312"/>
      <c r="O4" s="312"/>
      <c r="P4" s="312"/>
      <c r="Q4" s="312"/>
      <c r="R4" s="1"/>
      <c r="S4" s="1"/>
      <c r="T4" s="3"/>
    </row>
    <row r="5" spans="1:38" ht="24" customHeight="1">
      <c r="A5" s="1"/>
      <c r="B5" s="1"/>
      <c r="C5" s="1"/>
      <c r="D5" s="1"/>
      <c r="E5" s="1"/>
      <c r="F5" s="334" t="s">
        <v>2</v>
      </c>
      <c r="G5" s="334"/>
      <c r="H5" s="334"/>
      <c r="I5" s="334"/>
      <c r="J5" s="334"/>
      <c r="K5" s="334"/>
      <c r="L5" s="334"/>
      <c r="M5" s="334"/>
      <c r="N5" s="334"/>
      <c r="O5" s="334"/>
      <c r="P5" s="334"/>
      <c r="Q5" s="334"/>
      <c r="R5" s="1"/>
      <c r="S5" s="1"/>
      <c r="T5" s="3"/>
    </row>
    <row r="6" spans="1:38" ht="10.5" customHeight="1">
      <c r="A6" s="1"/>
      <c r="B6" s="1"/>
      <c r="C6" s="1"/>
      <c r="D6" s="1"/>
      <c r="E6" s="1"/>
      <c r="F6" s="1"/>
      <c r="G6" s="1"/>
      <c r="H6" s="1"/>
      <c r="I6" s="1"/>
      <c r="J6" s="1"/>
      <c r="K6" s="1"/>
      <c r="L6" s="1"/>
      <c r="M6" s="1"/>
      <c r="N6" s="1"/>
      <c r="O6" s="1"/>
      <c r="P6" s="1"/>
      <c r="Q6" s="1"/>
      <c r="R6" s="1"/>
      <c r="S6" s="1"/>
      <c r="T6" s="3"/>
    </row>
    <row r="7" spans="1:38" ht="15.75" customHeight="1">
      <c r="A7" s="1"/>
      <c r="B7" s="314" t="str">
        <f>'[1]SY 18-19 CALCULATOR RG BRAND'!C61</f>
        <v>NOTE 1:  USDA WBSCM Item Code 100332 / Tomato Paste For Bulk Processing.</v>
      </c>
      <c r="C7" s="314"/>
      <c r="D7" s="314"/>
      <c r="E7" s="314"/>
      <c r="F7" s="314"/>
      <c r="G7" s="314"/>
      <c r="H7" s="314"/>
      <c r="I7" s="314"/>
      <c r="J7" s="314"/>
      <c r="K7" s="314"/>
      <c r="L7" s="314"/>
      <c r="M7" s="314"/>
      <c r="N7" s="314"/>
      <c r="O7" s="314"/>
      <c r="P7" s="314"/>
      <c r="Q7" s="314"/>
      <c r="R7" s="314"/>
      <c r="S7" s="1"/>
      <c r="T7" s="3"/>
    </row>
    <row r="8" spans="1:38" ht="65.099999999999994" customHeight="1">
      <c r="A8" s="1"/>
      <c r="B8" s="313" t="str">
        <f>'[1]SY 18-19 CALCULATOR RG BRAND'!V17</f>
        <v>The Pass Thru Value (PTV) or NOI (Net Off Invoice) discount amount has been determined based on the quantity of tomato paste in the products being offered under this program. 100332 values quoted for the SY2018/2019 were provided by FNS via the 12/01/2017 NMPA notification @ $0.4105 per pound or $16,378.95 per truckload of paste. The corresponding Pass Through Value Discount per case for each product is indicated above.</v>
      </c>
      <c r="C8" s="313"/>
      <c r="D8" s="313"/>
      <c r="E8" s="313"/>
      <c r="F8" s="313"/>
      <c r="G8" s="313"/>
      <c r="H8" s="313"/>
      <c r="I8" s="313"/>
      <c r="J8" s="313"/>
      <c r="K8" s="313"/>
      <c r="L8" s="313"/>
      <c r="M8" s="313"/>
      <c r="N8" s="313"/>
      <c r="O8" s="313"/>
      <c r="P8" s="313"/>
      <c r="Q8" s="313"/>
      <c r="R8" s="313"/>
      <c r="S8" s="1"/>
      <c r="T8" s="3"/>
      <c r="AH8" s="4"/>
      <c r="AI8" s="4"/>
      <c r="AJ8" s="4"/>
      <c r="AK8" s="4"/>
      <c r="AL8" s="4"/>
    </row>
    <row r="9" spans="1:38" s="7" customFormat="1" ht="69.95" customHeight="1">
      <c r="A9" s="5"/>
      <c r="B9" s="301" t="s">
        <v>3</v>
      </c>
      <c r="C9" s="301"/>
      <c r="D9" s="301"/>
      <c r="E9" s="301"/>
      <c r="F9" s="301"/>
      <c r="G9" s="301"/>
      <c r="H9" s="301"/>
      <c r="I9" s="301"/>
      <c r="J9" s="301"/>
      <c r="K9" s="301"/>
      <c r="L9" s="301"/>
      <c r="M9" s="301"/>
      <c r="N9" s="301"/>
      <c r="O9" s="301"/>
      <c r="P9" s="301"/>
      <c r="Q9" s="301"/>
      <c r="R9" s="301"/>
      <c r="S9" s="5"/>
      <c r="T9" s="6"/>
      <c r="V9" s="8"/>
      <c r="AH9" s="9"/>
      <c r="AI9" s="9"/>
      <c r="AJ9" s="9"/>
      <c r="AK9" s="9"/>
      <c r="AL9" s="9"/>
    </row>
    <row r="10" spans="1:38" ht="48" customHeight="1">
      <c r="A10" s="1"/>
      <c r="B10" s="316" t="s">
        <v>4</v>
      </c>
      <c r="C10" s="316"/>
      <c r="D10" s="316"/>
      <c r="E10" s="316"/>
      <c r="F10" s="316"/>
      <c r="G10" s="316"/>
      <c r="H10" s="316"/>
      <c r="I10" s="316"/>
      <c r="J10" s="316"/>
      <c r="K10" s="316"/>
      <c r="L10" s="316"/>
      <c r="M10" s="316"/>
      <c r="N10" s="316"/>
      <c r="O10" s="316"/>
      <c r="P10" s="316"/>
      <c r="Q10" s="316"/>
      <c r="R10" s="317"/>
      <c r="S10" s="1"/>
      <c r="T10" s="3"/>
    </row>
    <row r="11" spans="1:38" ht="18.75" thickBot="1">
      <c r="A11" s="1"/>
      <c r="B11" s="1"/>
      <c r="C11" s="1"/>
      <c r="D11" s="1"/>
      <c r="E11" s="1"/>
      <c r="F11" s="1"/>
      <c r="G11" s="1"/>
      <c r="H11" s="1"/>
      <c r="I11" s="1"/>
      <c r="J11" s="1"/>
      <c r="K11" s="1"/>
      <c r="L11" s="1"/>
      <c r="M11" s="1"/>
      <c r="N11" s="1"/>
      <c r="O11" s="1"/>
      <c r="P11" s="1"/>
      <c r="Q11" s="1"/>
      <c r="R11" s="1"/>
      <c r="S11" s="1"/>
      <c r="T11" s="3"/>
      <c r="V11" s="4"/>
      <c r="W11" s="4"/>
      <c r="X11" s="4"/>
      <c r="Y11" s="4"/>
      <c r="Z11" s="4"/>
      <c r="AA11" s="4"/>
      <c r="AB11" s="4"/>
      <c r="AC11" s="4"/>
      <c r="AD11" s="4"/>
      <c r="AE11" s="4"/>
      <c r="AF11" s="4"/>
      <c r="AG11" s="4"/>
    </row>
    <row r="12" spans="1:38" ht="18">
      <c r="A12" s="1"/>
      <c r="B12" s="10"/>
      <c r="C12" s="11"/>
      <c r="D12" s="11"/>
      <c r="E12" s="11"/>
      <c r="F12" s="11"/>
      <c r="G12" s="11"/>
      <c r="H12" s="11"/>
      <c r="I12" s="11"/>
      <c r="J12" s="11"/>
      <c r="K12" s="11"/>
      <c r="L12" s="11"/>
      <c r="M12" s="11"/>
      <c r="N12" s="308"/>
      <c r="O12" s="308"/>
      <c r="P12" s="308"/>
      <c r="Q12" s="308"/>
      <c r="R12" s="309"/>
      <c r="S12" s="1"/>
      <c r="T12" s="3"/>
      <c r="V12" s="12"/>
      <c r="W12" s="12"/>
      <c r="X12" s="12"/>
      <c r="Y12" s="12"/>
      <c r="Z12" s="12"/>
      <c r="AA12" s="12"/>
      <c r="AB12" s="12"/>
      <c r="AC12" s="12"/>
      <c r="AD12" s="12"/>
      <c r="AE12" s="12"/>
      <c r="AF12" s="12"/>
      <c r="AG12" s="12"/>
      <c r="AH12" s="12"/>
      <c r="AI12" s="12"/>
      <c r="AJ12" s="12"/>
      <c r="AK12" s="12"/>
      <c r="AL12" s="12"/>
    </row>
    <row r="13" spans="1:38" ht="18">
      <c r="A13" s="1"/>
      <c r="B13" s="291" t="s">
        <v>5</v>
      </c>
      <c r="C13" s="292"/>
      <c r="D13" s="292"/>
      <c r="E13" s="292"/>
      <c r="F13" s="292"/>
      <c r="G13" s="13"/>
      <c r="H13" s="13"/>
      <c r="I13" s="13"/>
      <c r="J13" s="13"/>
      <c r="K13" s="13"/>
      <c r="L13" s="13"/>
      <c r="M13" s="13"/>
      <c r="N13" s="294" t="s">
        <v>6</v>
      </c>
      <c r="O13" s="294"/>
      <c r="P13" s="294"/>
      <c r="Q13" s="294"/>
      <c r="R13" s="295"/>
      <c r="S13" s="1"/>
      <c r="T13" s="3"/>
      <c r="V13" s="14"/>
      <c r="W13" s="14"/>
      <c r="X13" s="14"/>
      <c r="Y13" s="14"/>
      <c r="Z13" s="14"/>
      <c r="AA13" s="14"/>
      <c r="AB13" s="14"/>
      <c r="AC13" s="14"/>
      <c r="AD13" s="14"/>
      <c r="AE13" s="14"/>
      <c r="AF13" s="14"/>
      <c r="AG13" s="14"/>
      <c r="AH13" s="14"/>
      <c r="AI13" s="14"/>
      <c r="AJ13" s="14"/>
      <c r="AK13" s="14"/>
      <c r="AL13" s="14"/>
    </row>
    <row r="14" spans="1:38" ht="18" customHeight="1">
      <c r="A14" s="1"/>
      <c r="B14" s="291"/>
      <c r="C14" s="292"/>
      <c r="D14" s="292"/>
      <c r="E14" s="292"/>
      <c r="F14" s="292"/>
      <c r="G14" s="13"/>
      <c r="H14" s="13"/>
      <c r="I14" s="293" t="s">
        <v>7</v>
      </c>
      <c r="J14" s="293"/>
      <c r="K14" s="293"/>
      <c r="L14" s="293"/>
      <c r="M14" s="293"/>
      <c r="N14" s="294" t="s">
        <v>8</v>
      </c>
      <c r="O14" s="294"/>
      <c r="P14" s="294"/>
      <c r="Q14" s="294"/>
      <c r="R14" s="295"/>
      <c r="S14" s="1"/>
      <c r="T14" s="3"/>
      <c r="V14" s="15"/>
    </row>
    <row r="15" spans="1:38" ht="18" customHeight="1">
      <c r="A15" s="1"/>
      <c r="B15" s="16"/>
      <c r="C15" s="17"/>
      <c r="D15" s="18"/>
      <c r="E15" s="13"/>
      <c r="F15" s="13"/>
      <c r="G15" s="19"/>
      <c r="H15" s="19"/>
      <c r="I15" s="293"/>
      <c r="J15" s="293"/>
      <c r="K15" s="293"/>
      <c r="L15" s="293"/>
      <c r="M15" s="293"/>
      <c r="N15" s="294"/>
      <c r="O15" s="294"/>
      <c r="P15" s="294"/>
      <c r="Q15" s="294"/>
      <c r="R15" s="295"/>
      <c r="S15" s="1"/>
      <c r="T15" s="3"/>
      <c r="V15" s="20"/>
      <c r="W15" s="20"/>
      <c r="X15" s="20"/>
      <c r="Y15" s="20"/>
      <c r="Z15" s="20"/>
    </row>
    <row r="16" spans="1:38" ht="18">
      <c r="A16" s="1"/>
      <c r="B16" s="318" t="s">
        <v>9</v>
      </c>
      <c r="C16" s="319"/>
      <c r="D16" s="319"/>
      <c r="E16" s="319"/>
      <c r="F16" s="319"/>
      <c r="G16" s="319"/>
      <c r="H16" s="319"/>
      <c r="I16" s="293"/>
      <c r="J16" s="293"/>
      <c r="K16" s="293"/>
      <c r="L16" s="293"/>
      <c r="M16" s="293"/>
      <c r="N16" s="297"/>
      <c r="O16" s="294"/>
      <c r="P16" s="294"/>
      <c r="Q16" s="294"/>
      <c r="R16" s="295"/>
      <c r="S16" s="1"/>
      <c r="T16" s="3"/>
      <c r="V16" s="20"/>
      <c r="W16" s="20"/>
      <c r="X16" s="20"/>
      <c r="Y16" s="20"/>
      <c r="Z16" s="20"/>
    </row>
    <row r="17" spans="1:38" ht="18">
      <c r="A17" s="1"/>
      <c r="B17" s="320" t="s">
        <v>10</v>
      </c>
      <c r="C17" s="321"/>
      <c r="D17" s="321"/>
      <c r="E17" s="321"/>
      <c r="F17" s="321"/>
      <c r="G17" s="321"/>
      <c r="H17" s="321"/>
      <c r="I17" s="322"/>
      <c r="J17" s="322"/>
      <c r="K17" s="322"/>
      <c r="L17" s="322"/>
      <c r="M17" s="322"/>
      <c r="N17" s="13"/>
      <c r="O17" s="21"/>
      <c r="P17" s="21"/>
      <c r="Q17" s="13"/>
      <c r="R17" s="22"/>
      <c r="S17" s="1"/>
      <c r="T17" s="3"/>
      <c r="V17" s="23"/>
    </row>
    <row r="18" spans="1:38" ht="18">
      <c r="A18" s="1"/>
      <c r="B18" s="320" t="s">
        <v>11</v>
      </c>
      <c r="C18" s="321"/>
      <c r="D18" s="321"/>
      <c r="E18" s="321"/>
      <c r="F18" s="321"/>
      <c r="G18" s="321"/>
      <c r="H18" s="321"/>
      <c r="I18" s="294" t="s">
        <v>12</v>
      </c>
      <c r="J18" s="294"/>
      <c r="K18" s="294"/>
      <c r="L18" s="294"/>
      <c r="M18" s="294"/>
      <c r="N18" s="294" t="s">
        <v>13</v>
      </c>
      <c r="O18" s="294"/>
      <c r="P18" s="294"/>
      <c r="Q18" s="294"/>
      <c r="R18" s="295"/>
      <c r="S18" s="1"/>
      <c r="T18" s="3"/>
    </row>
    <row r="19" spans="1:38" ht="18">
      <c r="A19" s="1"/>
      <c r="B19" s="306" t="s">
        <v>14</v>
      </c>
      <c r="C19" s="307"/>
      <c r="D19" s="307"/>
      <c r="E19" s="307"/>
      <c r="F19" s="307"/>
      <c r="G19" s="307"/>
      <c r="H19" s="307"/>
      <c r="I19" s="294" t="s">
        <v>15</v>
      </c>
      <c r="J19" s="294"/>
      <c r="K19" s="294"/>
      <c r="L19" s="294"/>
      <c r="M19" s="294"/>
      <c r="N19" s="294" t="s">
        <v>16</v>
      </c>
      <c r="O19" s="294"/>
      <c r="P19" s="294"/>
      <c r="Q19" s="294"/>
      <c r="R19" s="295"/>
      <c r="S19" s="1"/>
      <c r="T19" s="3"/>
      <c r="V19" s="24"/>
      <c r="W19" s="24"/>
      <c r="X19" s="24"/>
      <c r="Y19" s="24"/>
      <c r="Z19" s="24"/>
      <c r="AA19" s="24"/>
      <c r="AB19" s="24"/>
      <c r="AC19" s="24"/>
      <c r="AD19" s="24"/>
      <c r="AE19" s="24"/>
      <c r="AF19" s="24"/>
      <c r="AG19" s="24"/>
      <c r="AH19" s="24"/>
      <c r="AI19" s="24"/>
      <c r="AJ19" s="24"/>
      <c r="AK19" s="24"/>
      <c r="AL19" s="24"/>
    </row>
    <row r="20" spans="1:38" ht="18" customHeight="1">
      <c r="A20" s="1"/>
      <c r="B20" s="303" t="s">
        <v>17</v>
      </c>
      <c r="C20" s="304"/>
      <c r="D20" s="304"/>
      <c r="E20" s="304"/>
      <c r="F20" s="304"/>
      <c r="G20" s="304"/>
      <c r="H20" s="304"/>
      <c r="I20" s="294" t="s">
        <v>18</v>
      </c>
      <c r="J20" s="294"/>
      <c r="K20" s="294"/>
      <c r="L20" s="294"/>
      <c r="M20" s="294"/>
      <c r="N20" s="294" t="s">
        <v>19</v>
      </c>
      <c r="O20" s="294"/>
      <c r="P20" s="294"/>
      <c r="Q20" s="294"/>
      <c r="R20" s="295"/>
      <c r="S20" s="1"/>
      <c r="T20" s="3"/>
      <c r="V20" s="24"/>
      <c r="W20" s="24"/>
      <c r="X20" s="24"/>
      <c r="Y20" s="24"/>
      <c r="Z20" s="24"/>
      <c r="AA20" s="24"/>
      <c r="AB20" s="24"/>
      <c r="AC20" s="24"/>
      <c r="AD20" s="24"/>
      <c r="AE20" s="24"/>
      <c r="AF20" s="24"/>
      <c r="AG20" s="24"/>
      <c r="AH20" s="24"/>
      <c r="AI20" s="24"/>
      <c r="AJ20" s="24"/>
      <c r="AK20" s="24"/>
      <c r="AL20" s="24"/>
    </row>
    <row r="21" spans="1:38" ht="18">
      <c r="A21" s="1"/>
      <c r="B21" s="298" t="s">
        <v>20</v>
      </c>
      <c r="C21" s="299"/>
      <c r="D21" s="299"/>
      <c r="E21" s="299"/>
      <c r="F21" s="299"/>
      <c r="G21" s="299"/>
      <c r="H21" s="299"/>
      <c r="I21" s="297" t="s">
        <v>21</v>
      </c>
      <c r="J21" s="297"/>
      <c r="K21" s="297"/>
      <c r="L21" s="297"/>
      <c r="M21" s="297"/>
      <c r="N21" s="297" t="s">
        <v>22</v>
      </c>
      <c r="O21" s="294"/>
      <c r="P21" s="294"/>
      <c r="Q21" s="294"/>
      <c r="R21" s="295"/>
      <c r="S21" s="1"/>
      <c r="T21" s="3"/>
      <c r="V21" s="24"/>
      <c r="W21" s="24"/>
      <c r="X21" s="24"/>
      <c r="Y21" s="24"/>
      <c r="Z21" s="24"/>
      <c r="AA21" s="24"/>
      <c r="AB21" s="24"/>
      <c r="AC21" s="24"/>
      <c r="AD21" s="24"/>
      <c r="AE21" s="24"/>
      <c r="AF21" s="24"/>
      <c r="AG21" s="24"/>
      <c r="AH21" s="24"/>
      <c r="AI21" s="24"/>
      <c r="AJ21" s="24"/>
      <c r="AK21" s="24"/>
      <c r="AL21" s="24"/>
    </row>
    <row r="22" spans="1:38" ht="18">
      <c r="A22" s="1"/>
      <c r="B22" s="25"/>
      <c r="C22" s="26"/>
      <c r="D22" s="26"/>
      <c r="E22" s="26"/>
      <c r="F22" s="26"/>
      <c r="G22" s="27"/>
      <c r="H22" s="27"/>
      <c r="I22" s="28"/>
      <c r="J22" s="28"/>
      <c r="K22" s="28"/>
      <c r="L22" s="13"/>
      <c r="M22" s="29"/>
      <c r="N22" s="29"/>
      <c r="O22" s="13"/>
      <c r="P22" s="28"/>
      <c r="Q22" s="28"/>
      <c r="R22" s="30"/>
      <c r="S22" s="1"/>
      <c r="T22" s="3"/>
      <c r="V22" s="24"/>
      <c r="W22" s="24"/>
      <c r="X22" s="24"/>
      <c r="Y22" s="24"/>
      <c r="Z22" s="24"/>
      <c r="AA22" s="24"/>
      <c r="AB22" s="24"/>
      <c r="AC22" s="24"/>
      <c r="AD22" s="24"/>
      <c r="AE22" s="24"/>
      <c r="AF22" s="24"/>
      <c r="AG22" s="24"/>
      <c r="AH22" s="24"/>
      <c r="AI22" s="24"/>
      <c r="AJ22" s="24"/>
      <c r="AK22" s="24"/>
      <c r="AL22" s="24"/>
    </row>
    <row r="23" spans="1:38" ht="18">
      <c r="A23" s="1"/>
      <c r="B23" s="306" t="s">
        <v>23</v>
      </c>
      <c r="C23" s="307"/>
      <c r="D23" s="307"/>
      <c r="E23" s="307"/>
      <c r="F23" s="307"/>
      <c r="G23" s="307"/>
      <c r="H23" s="307"/>
      <c r="I23" s="328" t="s">
        <v>24</v>
      </c>
      <c r="J23" s="328"/>
      <c r="K23" s="328"/>
      <c r="L23" s="328"/>
      <c r="M23" s="328"/>
      <c r="N23" s="294" t="s">
        <v>25</v>
      </c>
      <c r="O23" s="294"/>
      <c r="P23" s="294"/>
      <c r="Q23" s="294"/>
      <c r="R23" s="295"/>
      <c r="S23" s="1"/>
      <c r="T23" s="3"/>
      <c r="V23" s="24"/>
      <c r="W23" s="24"/>
      <c r="X23" s="24"/>
      <c r="Y23" s="24"/>
      <c r="Z23" s="24"/>
      <c r="AA23" s="24"/>
      <c r="AB23" s="24"/>
      <c r="AC23" s="24"/>
      <c r="AD23" s="24"/>
      <c r="AE23" s="24"/>
      <c r="AF23" s="24"/>
      <c r="AG23" s="24"/>
      <c r="AH23" s="24"/>
      <c r="AI23" s="24"/>
      <c r="AJ23" s="24"/>
      <c r="AK23" s="24"/>
      <c r="AL23" s="24"/>
    </row>
    <row r="24" spans="1:38" ht="18">
      <c r="A24" s="1"/>
      <c r="B24" s="306" t="s">
        <v>26</v>
      </c>
      <c r="C24" s="307"/>
      <c r="D24" s="307"/>
      <c r="E24" s="307"/>
      <c r="F24" s="307"/>
      <c r="G24" s="307"/>
      <c r="H24" s="307"/>
      <c r="I24" s="328" t="s">
        <v>27</v>
      </c>
      <c r="J24" s="328"/>
      <c r="K24" s="328"/>
      <c r="L24" s="328"/>
      <c r="M24" s="328"/>
      <c r="N24" s="294" t="s">
        <v>28</v>
      </c>
      <c r="O24" s="294"/>
      <c r="P24" s="294"/>
      <c r="Q24" s="294"/>
      <c r="R24" s="295"/>
      <c r="S24" s="1"/>
      <c r="T24" s="3"/>
    </row>
    <row r="25" spans="1:38" ht="18">
      <c r="A25" s="1"/>
      <c r="B25" s="306" t="s">
        <v>29</v>
      </c>
      <c r="C25" s="307"/>
      <c r="D25" s="307"/>
      <c r="E25" s="307"/>
      <c r="F25" s="307"/>
      <c r="G25" s="307"/>
      <c r="H25" s="307"/>
      <c r="I25" s="296" t="s">
        <v>30</v>
      </c>
      <c r="J25" s="296"/>
      <c r="K25" s="296"/>
      <c r="L25" s="296"/>
      <c r="M25" s="296"/>
      <c r="N25" s="294" t="s">
        <v>31</v>
      </c>
      <c r="O25" s="294"/>
      <c r="P25" s="294"/>
      <c r="Q25" s="294"/>
      <c r="R25" s="295"/>
      <c r="S25" s="1"/>
      <c r="T25" s="3"/>
    </row>
    <row r="26" spans="1:38" ht="18">
      <c r="A26" s="1"/>
      <c r="B26" s="298" t="s">
        <v>32</v>
      </c>
      <c r="C26" s="299"/>
      <c r="D26" s="299"/>
      <c r="E26" s="299"/>
      <c r="F26" s="299"/>
      <c r="G26" s="299"/>
      <c r="H26" s="299"/>
      <c r="I26" s="327" t="s">
        <v>33</v>
      </c>
      <c r="J26" s="327"/>
      <c r="K26" s="327"/>
      <c r="L26" s="327"/>
      <c r="M26" s="327"/>
      <c r="N26" s="297" t="s">
        <v>34</v>
      </c>
      <c r="O26" s="297"/>
      <c r="P26" s="297"/>
      <c r="Q26" s="297"/>
      <c r="R26" s="305"/>
      <c r="S26" s="1"/>
      <c r="T26" s="3"/>
    </row>
    <row r="27" spans="1:38" ht="15" customHeight="1" thickBot="1">
      <c r="A27" s="1"/>
      <c r="B27" s="31"/>
      <c r="C27" s="32"/>
      <c r="D27" s="32"/>
      <c r="E27" s="32"/>
      <c r="F27" s="32"/>
      <c r="G27" s="32"/>
      <c r="H27" s="32"/>
      <c r="I27" s="32"/>
      <c r="J27" s="32"/>
      <c r="K27" s="32"/>
      <c r="L27" s="32"/>
      <c r="M27" s="32"/>
      <c r="N27" s="32"/>
      <c r="O27" s="32"/>
      <c r="P27" s="32"/>
      <c r="Q27" s="32"/>
      <c r="R27" s="33"/>
      <c r="S27" s="1"/>
      <c r="T27" s="3"/>
    </row>
    <row r="28" spans="1:38" ht="16.5" customHeight="1" thickBot="1">
      <c r="A28" s="1"/>
      <c r="B28" s="34"/>
      <c r="C28" s="35"/>
      <c r="D28" s="34"/>
      <c r="E28" s="34"/>
      <c r="F28" s="34"/>
      <c r="G28" s="34"/>
      <c r="H28" s="34"/>
      <c r="I28" s="34"/>
      <c r="J28" s="34"/>
      <c r="K28" s="34"/>
      <c r="L28" s="34"/>
      <c r="M28" s="34"/>
      <c r="N28" s="34"/>
      <c r="O28" s="34"/>
      <c r="P28" s="34"/>
      <c r="Q28" s="34"/>
      <c r="R28" s="34"/>
      <c r="S28" s="1"/>
      <c r="T28" s="3"/>
    </row>
    <row r="29" spans="1:38">
      <c r="A29" s="1"/>
      <c r="B29" s="36"/>
      <c r="C29" s="37"/>
      <c r="D29" s="37"/>
      <c r="E29" s="37"/>
      <c r="F29" s="37"/>
      <c r="G29" s="37"/>
      <c r="H29" s="37"/>
      <c r="I29" s="37"/>
      <c r="J29" s="38"/>
      <c r="K29" s="38"/>
      <c r="L29" s="38"/>
      <c r="M29" s="38"/>
      <c r="N29" s="38"/>
      <c r="O29" s="38"/>
      <c r="P29" s="38"/>
      <c r="Q29" s="38"/>
      <c r="R29" s="39"/>
      <c r="S29" s="1"/>
      <c r="T29" s="3"/>
    </row>
    <row r="30" spans="1:38" ht="17.25" customHeight="1">
      <c r="A30" s="1"/>
      <c r="B30" s="40" t="s">
        <v>35</v>
      </c>
      <c r="C30" s="41"/>
      <c r="D30" s="42"/>
      <c r="E30" s="42"/>
      <c r="F30" s="42"/>
      <c r="G30" s="42"/>
      <c r="H30" s="41"/>
      <c r="I30" s="43"/>
      <c r="J30" s="43"/>
      <c r="K30" s="44"/>
      <c r="L30" s="44"/>
      <c r="M30" s="43"/>
      <c r="N30" s="43"/>
      <c r="O30" s="43"/>
      <c r="P30" s="43"/>
      <c r="Q30" s="43"/>
      <c r="R30" s="45"/>
      <c r="S30" s="46"/>
      <c r="T30" s="3"/>
    </row>
    <row r="31" spans="1:38" ht="15" customHeight="1">
      <c r="A31" s="1"/>
      <c r="B31" s="47"/>
      <c r="C31" s="43"/>
      <c r="D31" s="48"/>
      <c r="E31" s="325" t="s">
        <v>36</v>
      </c>
      <c r="F31" s="325"/>
      <c r="G31" s="325"/>
      <c r="H31" s="330" t="s">
        <v>37</v>
      </c>
      <c r="I31" s="330"/>
      <c r="J31" s="331"/>
      <c r="K31" s="331"/>
      <c r="L31" s="331"/>
      <c r="M31" s="331"/>
      <c r="N31" s="331"/>
      <c r="O31" s="44"/>
      <c r="P31" s="49" t="s">
        <v>38</v>
      </c>
      <c r="Q31" s="323"/>
      <c r="R31" s="324"/>
      <c r="S31" s="46"/>
      <c r="T31" s="3"/>
    </row>
    <row r="32" spans="1:38" ht="15.75" customHeight="1">
      <c r="A32" s="1"/>
      <c r="B32" s="47"/>
      <c r="C32" s="330" t="s">
        <v>39</v>
      </c>
      <c r="D32" s="330"/>
      <c r="E32" s="331"/>
      <c r="F32" s="331"/>
      <c r="G32" s="331"/>
      <c r="H32" s="330" t="s">
        <v>40</v>
      </c>
      <c r="I32" s="330"/>
      <c r="J32" s="326"/>
      <c r="K32" s="326"/>
      <c r="L32" s="326"/>
      <c r="M32" s="326"/>
      <c r="N32" s="326"/>
      <c r="O32" s="43"/>
      <c r="P32" s="49" t="s">
        <v>41</v>
      </c>
      <c r="Q32" s="323"/>
      <c r="R32" s="324"/>
      <c r="S32" s="46"/>
      <c r="T32" s="3"/>
    </row>
    <row r="33" spans="1:20" ht="18">
      <c r="A33" s="1"/>
      <c r="B33" s="47"/>
      <c r="C33" s="43"/>
      <c r="D33" s="49" t="s">
        <v>42</v>
      </c>
      <c r="E33" s="331"/>
      <c r="F33" s="331"/>
      <c r="G33" s="331"/>
      <c r="H33" s="43"/>
      <c r="I33" s="49" t="s">
        <v>43</v>
      </c>
      <c r="J33" s="323"/>
      <c r="K33" s="323"/>
      <c r="L33" s="323"/>
      <c r="M33" s="323"/>
      <c r="N33" s="323"/>
      <c r="O33" s="43"/>
      <c r="P33" s="49" t="s">
        <v>44</v>
      </c>
      <c r="Q33" s="332"/>
      <c r="R33" s="333"/>
      <c r="S33" s="46"/>
      <c r="T33" s="3"/>
    </row>
    <row r="34" spans="1:20" ht="18.75" thickBot="1">
      <c r="A34" s="1"/>
      <c r="B34" s="50"/>
      <c r="C34" s="51"/>
      <c r="D34" s="51"/>
      <c r="E34" s="51"/>
      <c r="F34" s="51"/>
      <c r="G34" s="51"/>
      <c r="H34" s="52"/>
      <c r="I34" s="52"/>
      <c r="J34" s="53"/>
      <c r="K34" s="54"/>
      <c r="L34" s="52"/>
      <c r="M34" s="53"/>
      <c r="N34" s="53"/>
      <c r="O34" s="52"/>
      <c r="P34" s="52"/>
      <c r="Q34" s="52"/>
      <c r="R34" s="55"/>
      <c r="S34" s="46"/>
      <c r="T34" s="3"/>
    </row>
    <row r="35" spans="1:20" ht="6" customHeight="1">
      <c r="A35" s="1"/>
      <c r="B35" s="34"/>
      <c r="C35" s="35"/>
      <c r="D35" s="34"/>
      <c r="E35" s="34"/>
      <c r="F35" s="34"/>
      <c r="G35" s="34"/>
      <c r="H35" s="34"/>
      <c r="I35" s="34"/>
      <c r="J35" s="34"/>
      <c r="K35" s="34"/>
      <c r="L35" s="34"/>
      <c r="M35" s="34"/>
      <c r="N35" s="34"/>
      <c r="O35" s="34"/>
      <c r="P35" s="34"/>
      <c r="Q35" s="34"/>
      <c r="R35" s="34"/>
      <c r="S35" s="1"/>
      <c r="T35" s="3"/>
    </row>
    <row r="36" spans="1:20" ht="25.5" customHeight="1">
      <c r="A36" s="1"/>
      <c r="B36" s="1"/>
      <c r="C36" s="1"/>
      <c r="D36" s="1"/>
      <c r="E36" s="1"/>
      <c r="F36" s="1"/>
      <c r="G36" s="1"/>
      <c r="H36" s="1"/>
      <c r="I36" s="1"/>
      <c r="J36" s="1"/>
      <c r="K36" s="1"/>
      <c r="L36" s="1"/>
      <c r="M36" s="1"/>
      <c r="N36" s="1"/>
      <c r="O36" s="1"/>
      <c r="P36" s="1"/>
      <c r="Q36" s="1"/>
      <c r="R36" s="1"/>
      <c r="S36" s="1"/>
      <c r="T36" s="3"/>
    </row>
    <row r="37" spans="1:20" ht="15" customHeight="1">
      <c r="A37" s="1"/>
      <c r="B37" s="329"/>
      <c r="C37" s="329"/>
      <c r="D37" s="329"/>
      <c r="E37" s="329"/>
      <c r="F37" s="329"/>
      <c r="G37" s="329"/>
      <c r="H37" s="329"/>
      <c r="I37" s="329"/>
      <c r="J37" s="329"/>
      <c r="K37" s="329"/>
      <c r="L37" s="329"/>
      <c r="M37" s="329"/>
      <c r="N37" s="329"/>
      <c r="O37" s="329"/>
      <c r="P37" s="329"/>
      <c r="Q37" s="329"/>
      <c r="R37" s="329"/>
      <c r="S37" s="34"/>
      <c r="T37" s="56"/>
    </row>
    <row r="38" spans="1:20" ht="22.5" customHeight="1">
      <c r="A38" s="1"/>
      <c r="B38" s="300" t="s">
        <v>45</v>
      </c>
      <c r="C38" s="300"/>
      <c r="D38" s="300"/>
      <c r="E38" s="300"/>
      <c r="F38" s="300"/>
      <c r="G38" s="300"/>
      <c r="H38" s="300"/>
      <c r="I38" s="300"/>
      <c r="J38" s="300"/>
      <c r="K38" s="300"/>
      <c r="L38" s="300"/>
      <c r="M38" s="300"/>
      <c r="N38" s="300"/>
      <c r="O38" s="300"/>
      <c r="P38" s="300"/>
      <c r="Q38" s="300"/>
      <c r="R38" s="300"/>
      <c r="S38" s="1"/>
      <c r="T38" s="3"/>
    </row>
    <row r="39" spans="1:20">
      <c r="A39" s="3"/>
      <c r="B39" s="3"/>
      <c r="C39" s="3"/>
      <c r="D39" s="3"/>
      <c r="E39" s="3"/>
      <c r="F39" s="3"/>
      <c r="G39" s="3"/>
      <c r="H39" s="3"/>
      <c r="I39" s="3"/>
      <c r="J39" s="3"/>
      <c r="K39" s="3"/>
      <c r="L39" s="3"/>
      <c r="M39" s="3"/>
      <c r="N39" s="3"/>
      <c r="O39" s="3"/>
      <c r="P39" s="3"/>
      <c r="Q39" s="3"/>
      <c r="R39" s="3"/>
      <c r="S39" s="3"/>
      <c r="T39" s="3"/>
    </row>
    <row r="40" spans="1:20">
      <c r="A40" s="3"/>
      <c r="B40" s="3"/>
      <c r="C40" s="3"/>
      <c r="D40" s="3"/>
      <c r="E40" s="3"/>
      <c r="F40" s="3"/>
      <c r="G40" s="3"/>
      <c r="H40" s="3"/>
      <c r="I40" s="3"/>
      <c r="J40" s="3"/>
      <c r="K40" s="3"/>
      <c r="L40" s="3"/>
      <c r="M40" s="3"/>
      <c r="N40" s="3"/>
      <c r="O40" s="3"/>
      <c r="P40" s="3"/>
      <c r="Q40" s="3"/>
      <c r="R40" s="3"/>
      <c r="S40" s="3"/>
      <c r="T40" s="3"/>
    </row>
    <row r="41" spans="1:20">
      <c r="A41" s="3"/>
      <c r="B41" s="3"/>
      <c r="C41" s="3"/>
      <c r="D41" s="3"/>
      <c r="E41" s="3"/>
      <c r="F41" s="3"/>
      <c r="G41" s="3"/>
      <c r="H41" s="3"/>
      <c r="I41" s="3"/>
      <c r="J41" s="3"/>
      <c r="K41" s="3"/>
      <c r="L41" s="3"/>
      <c r="M41" s="3"/>
      <c r="N41" s="3"/>
      <c r="O41" s="3"/>
      <c r="P41" s="3"/>
      <c r="Q41" s="3"/>
      <c r="R41" s="3"/>
      <c r="S41" s="3"/>
      <c r="T41" s="3"/>
    </row>
  </sheetData>
  <sheetProtection selectLockedCells="1"/>
  <mergeCells count="57">
    <mergeCell ref="B8:R8"/>
    <mergeCell ref="F2:Q2"/>
    <mergeCell ref="F3:Q3"/>
    <mergeCell ref="F4:Q4"/>
    <mergeCell ref="F5:Q5"/>
    <mergeCell ref="B7:R7"/>
    <mergeCell ref="B18:H18"/>
    <mergeCell ref="I18:M18"/>
    <mergeCell ref="N18:R18"/>
    <mergeCell ref="B9:R9"/>
    <mergeCell ref="B10:R10"/>
    <mergeCell ref="N12:R12"/>
    <mergeCell ref="B13:F14"/>
    <mergeCell ref="N13:R13"/>
    <mergeCell ref="I14:M15"/>
    <mergeCell ref="N14:R14"/>
    <mergeCell ref="N15:R15"/>
    <mergeCell ref="B16:H16"/>
    <mergeCell ref="I16:M16"/>
    <mergeCell ref="N16:R16"/>
    <mergeCell ref="B17:H17"/>
    <mergeCell ref="I17:M17"/>
    <mergeCell ref="B19:H19"/>
    <mergeCell ref="I19:M19"/>
    <mergeCell ref="N19:R19"/>
    <mergeCell ref="B20:H20"/>
    <mergeCell ref="I20:M20"/>
    <mergeCell ref="N20:R20"/>
    <mergeCell ref="B21:H21"/>
    <mergeCell ref="I21:M21"/>
    <mergeCell ref="N21:R21"/>
    <mergeCell ref="B23:H23"/>
    <mergeCell ref="I23:M23"/>
    <mergeCell ref="N23:R23"/>
    <mergeCell ref="B24:H24"/>
    <mergeCell ref="I24:M24"/>
    <mergeCell ref="N24:R24"/>
    <mergeCell ref="B25:H25"/>
    <mergeCell ref="I25:M25"/>
    <mergeCell ref="N25:R25"/>
    <mergeCell ref="B26:H26"/>
    <mergeCell ref="I26:M26"/>
    <mergeCell ref="N26:R26"/>
    <mergeCell ref="E31:G31"/>
    <mergeCell ref="H31:I31"/>
    <mergeCell ref="J31:N31"/>
    <mergeCell ref="Q31:R31"/>
    <mergeCell ref="B37:R37"/>
    <mergeCell ref="B38:R38"/>
    <mergeCell ref="C32:D32"/>
    <mergeCell ref="E32:G32"/>
    <mergeCell ref="H32:I32"/>
    <mergeCell ref="J32:N32"/>
    <mergeCell ref="Q32:R32"/>
    <mergeCell ref="E33:G33"/>
    <mergeCell ref="J33:N33"/>
    <mergeCell ref="Q33:R33"/>
  </mergeCells>
  <hyperlinks>
    <hyperlink ref="I21" r:id="rId1"/>
    <hyperlink ref="B20" r:id="rId2" display="http://www.redgold.com/red-gold-company/foodservice/k-12-school-program"/>
    <hyperlink ref="B21" r:id="rId3"/>
    <hyperlink ref="B26" r:id="rId4"/>
    <hyperlink ref="N26" r:id="rId5"/>
    <hyperlink ref="B20:F20" r:id="rId6" display="www.redgold.com/red-gold-company/foodservice/k-12-school-program"/>
    <hyperlink ref="I26" r:id="rId7"/>
    <hyperlink ref="N21" r:id="rId8"/>
  </hyperlinks>
  <printOptions horizontalCentered="1"/>
  <pageMargins left="0.75" right="0.75" top="0.6" bottom="0.65" header="0.36" footer="0.5"/>
  <pageSetup scale="63" fitToHeight="2" orientation="landscape" r:id="rId9"/>
  <headerFooter alignWithMargins="0"/>
  <drawing r:id="rId1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vt:i4>
      </vt:variant>
      <vt:variant>
        <vt:lpstr>Named Ranges</vt:lpstr>
      </vt:variant>
      <vt:variant>
        <vt:i4>4</vt:i4>
      </vt:variant>
    </vt:vector>
  </HeadingPairs>
  <TitlesOfParts>
    <vt:vector size="7" baseType="lpstr">
      <vt:lpstr>SY 18-19 CALCULATOR RG BRAND</vt:lpstr>
      <vt:lpstr>GENERAL INFORMATION NOI</vt:lpstr>
      <vt:lpstr>GENERAL INFORMATION NOT NOI</vt:lpstr>
      <vt:lpstr>'GENERAL INFORMATION NOI'!Print_Area</vt:lpstr>
      <vt:lpstr>'GENERAL INFORMATION NOT NOI'!Print_Area</vt:lpstr>
      <vt:lpstr>'SY 18-19 CALCULATOR RG BRAND'!Print_Area</vt:lpstr>
      <vt:lpstr>'SY 18-19 CALCULATOR RG BRAND'!Print_Titles</vt:lpstr>
    </vt:vector>
  </TitlesOfParts>
  <Company>Red Gold</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odi Batten</dc:creator>
  <cp:lastModifiedBy>Christa Perna</cp:lastModifiedBy>
  <dcterms:created xsi:type="dcterms:W3CDTF">2017-12-01T16:43:34Z</dcterms:created>
  <dcterms:modified xsi:type="dcterms:W3CDTF">2017-12-13T17:11:06Z</dcterms:modified>
</cp:coreProperties>
</file>